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6"/>
  </p:sldMasterIdLst>
  <p:notesMasterIdLst>
    <p:notesMasterId r:id="rId21"/>
  </p:notesMasterIdLst>
  <p:handoutMasterIdLst>
    <p:handoutMasterId r:id="rId22"/>
  </p:handoutMasterIdLst>
  <p:sldIdLst>
    <p:sldId id="271" r:id="rId17"/>
    <p:sldId id="270" r:id="rId18"/>
    <p:sldId id="280" r:id="rId19"/>
    <p:sldId id="261" r:id="rId20"/>
  </p:sldIdLst>
  <p:sldSz cx="12192000" cy="6858000"/>
  <p:notesSz cx="6797675" cy="9926638"/>
  <p:embeddedFontLst>
    <p:embeddedFont>
      <p:font typeface="Ericsson Hilda" panose="00000500000000000000" pitchFamily="2" charset="0"/>
      <p:regular r:id="rId23"/>
      <p:bold r:id="rId24"/>
      <p:italic r:id="rId25"/>
      <p:boldItalic r:id="rId26"/>
    </p:embeddedFont>
    <p:embeddedFont>
      <p:font typeface="Ericsson Hilda ExtraBold" panose="00000900000000000000" pitchFamily="2" charset="0"/>
      <p:bold r:id="rId27"/>
    </p:embeddedFont>
    <p:embeddedFont>
      <p:font typeface="Ericsson Hilda ExtraLight" panose="00000300000000000000" pitchFamily="2" charset="0"/>
      <p:regular r:id="rId28"/>
    </p:embeddedFont>
    <p:embeddedFont>
      <p:font typeface="Ericsson Hilda Light" panose="00000400000000000000" pitchFamily="2" charset="0"/>
      <p:regular r:id="rId29"/>
      <p:italic r:id="rId30"/>
    </p:embeddedFont>
    <p:embeddedFont>
      <p:font typeface="Ericsson Technical Icons" panose="020B0604020202020204" charset="0"/>
      <p:regular r:id="rId31"/>
      <p:bold r:id="rId32"/>
      <p:italic r:id="rId33"/>
      <p:boldItalic r:id="rId34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66C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6069" autoAdjust="0"/>
    <p:restoredTop sz="94124" autoAdjust="0"/>
  </p:normalViewPr>
  <p:slideViewPr>
    <p:cSldViewPr snapToGrid="0" snapToObjects="1" showGuides="1">
      <p:cViewPr varScale="1">
        <p:scale>
          <a:sx n="86" d="100"/>
          <a:sy n="86" d="100"/>
        </p:scale>
        <p:origin x="970" y="5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font" Target="fonts/font4.fntdata"/><Relationship Id="rId39" Type="http://schemas.microsoft.com/office/2016/11/relationships/changesInfo" Target="changesInfos/changesInfo1.xml"/><Relationship Id="rId21" Type="http://schemas.openxmlformats.org/officeDocument/2006/relationships/notesMaster" Target="notesMasters/notesMaster1.xml"/><Relationship Id="rId34" Type="http://schemas.openxmlformats.org/officeDocument/2006/relationships/font" Target="fonts/font12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font" Target="fonts/font3.fntdata"/><Relationship Id="rId33" Type="http://schemas.openxmlformats.org/officeDocument/2006/relationships/font" Target="fonts/font11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font" Target="fonts/font7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2.fntdata"/><Relationship Id="rId32" Type="http://schemas.openxmlformats.org/officeDocument/2006/relationships/font" Target="fonts/font10.fntdata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font" Target="fonts/font1.fntdata"/><Relationship Id="rId28" Type="http://schemas.openxmlformats.org/officeDocument/2006/relationships/font" Target="fonts/font6.fntdata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font" Target="fonts/font9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handoutMaster" Target="handoutMasters/handoutMaster1.xml"/><Relationship Id="rId27" Type="http://schemas.openxmlformats.org/officeDocument/2006/relationships/font" Target="fonts/font5.fntdata"/><Relationship Id="rId30" Type="http://schemas.openxmlformats.org/officeDocument/2006/relationships/font" Target="fonts/font8.fntdata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Wilhelm Meding" userId="b66447de-a14f-41dd-bbdd-901af968ed4f" providerId="ADAL" clId="{CD6C7025-E209-4632-A229-9D1E0B4AE8EE}"/>
    <pc:docChg chg="delSld">
      <pc:chgData name="Wilhelm Meding" userId="b66447de-a14f-41dd-bbdd-901af968ed4f" providerId="ADAL" clId="{CD6C7025-E209-4632-A229-9D1E0B4AE8EE}" dt="2024-04-30T07:58:17.172" v="0" actId="47"/>
      <pc:docMkLst>
        <pc:docMk/>
      </pc:docMkLst>
      <pc:sldChg chg="del">
        <pc:chgData name="Wilhelm Meding" userId="b66447de-a14f-41dd-bbdd-901af968ed4f" providerId="ADAL" clId="{CD6C7025-E209-4632-A229-9D1E0B4AE8EE}" dt="2024-04-30T07:58:17.172" v="0" actId="47"/>
        <pc:sldMkLst>
          <pc:docMk/>
          <pc:sldMk cId="4063554562" sldId="273"/>
        </pc:sldMkLst>
      </pc:sldChg>
      <pc:sldChg chg="del">
        <pc:chgData name="Wilhelm Meding" userId="b66447de-a14f-41dd-bbdd-901af968ed4f" providerId="ADAL" clId="{CD6C7025-E209-4632-A229-9D1E0B4AE8EE}" dt="2024-04-30T07:58:17.172" v="0" actId="47"/>
        <pc:sldMkLst>
          <pc:docMk/>
          <pc:sldMk cId="71358234" sldId="277"/>
        </pc:sldMkLst>
      </pc:sldChg>
      <pc:sldChg chg="del">
        <pc:chgData name="Wilhelm Meding" userId="b66447de-a14f-41dd-bbdd-901af968ed4f" providerId="ADAL" clId="{CD6C7025-E209-4632-A229-9D1E0B4AE8EE}" dt="2024-04-30T07:58:17.172" v="0" actId="47"/>
        <pc:sldMkLst>
          <pc:docMk/>
          <pc:sldMk cId="484898822" sldId="278"/>
        </pc:sldMkLst>
      </pc:sldChg>
      <pc:sldChg chg="del">
        <pc:chgData name="Wilhelm Meding" userId="b66447de-a14f-41dd-bbdd-901af968ed4f" providerId="ADAL" clId="{CD6C7025-E209-4632-A229-9D1E0B4AE8EE}" dt="2024-04-30T07:58:17.172" v="0" actId="47"/>
        <pc:sldMkLst>
          <pc:docMk/>
          <pc:sldMk cId="3034956360" sldId="279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936238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</a:t>
            </a:r>
            <a:r>
              <a:rPr lang="en-US"/>
              <a:t>speaker…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ED74F51C-8BCD-4191-8AB6-4B18DD3F8F18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BAD8BFB4-8736-42B0-A7B9-27D816EB929D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1BE4A108-5DFD-46B3-BF11-E2F57C891D0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CD17B252-0237-4413-AFB4-AF104CE6B13F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5FD5FBB4-76C2-4299-A254-3E2A96C2FCE5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E443241E-BDA1-4D19-BCCE-CD369F5B8E6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58BFEC23-592E-4D1D-8837-C17AD928358A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6B39CBB1-0440-4C24-A684-8D09242B3D27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BFBA3401-F9D4-4B54-B377-22394DDA6B7D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7CBA909D-8ED3-4A5E-B5B6-D447B891728C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3885679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RVWIME Wilhelm Meding  |  PA1  |  2024-04-26  |  Ericsson Internal  |  Page </a:t>
            </a:r>
            <a:fld id="{B286C583-AB5A-4F73-B198-A63351501FE8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5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8.svg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7.png"/><Relationship Id="rId5" Type="http://schemas.openxmlformats.org/officeDocument/2006/relationships/image" Target="../media/image6.svg"/><Relationship Id="rId4" Type="http://schemas.openxmlformats.org/officeDocument/2006/relationships/image" Target="../media/image5.png"/><Relationship Id="rId9" Type="http://schemas.openxmlformats.org/officeDocument/2006/relationships/image" Target="../media/image10.sv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ln>
            <a:noFill/>
          </a:ln>
        </p:spPr>
        <p:txBody>
          <a:bodyPr/>
          <a:lstStyle/>
          <a:p>
            <a:endParaRPr lang="en-US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ln>
            <a:noFill/>
          </a:ln>
        </p:spPr>
        <p:txBody>
          <a:bodyPr/>
          <a:lstStyle/>
          <a:p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ln>
            <a:noFill/>
          </a:ln>
        </p:spPr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  <a:ln>
            <a:noFill/>
          </a:ln>
        </p:spPr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  <a:ln>
            <a:noFill/>
          </a:ln>
        </p:spPr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2E8E8F9E-D1C4-4C6A-B250-14307A886012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0" name="TextBox 129">
            <a:extLst>
              <a:ext uri="{FF2B5EF4-FFF2-40B4-BE49-F238E27FC236}">
                <a16:creationId xmlns:a16="http://schemas.microsoft.com/office/drawing/2014/main" id="{F8CA0714-C973-8997-3DF0-F3DF7B3622BA}"/>
              </a:ext>
            </a:extLst>
          </p:cNvPr>
          <p:cNvSpPr txBox="1"/>
          <p:nvPr/>
        </p:nvSpPr>
        <p:spPr>
          <a:xfrm>
            <a:off x="6639809" y="4113630"/>
            <a:ext cx="903947" cy="1088366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mpare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output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o selected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requirements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(</a:t>
            </a:r>
            <a:r>
              <a:rPr lang="en-US" sz="1100" kern="1000" spc="-3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  <a:t>sentence</a:t>
            </a:r>
            <a:br>
              <a:rPr lang="en-US" sz="1100" kern="1000" spc="-3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</a:br>
            <a:r>
              <a:rPr lang="en-US" sz="1100" kern="1000" spc="-3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  <a:t>transformer</a:t>
            </a: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)</a:t>
            </a:r>
          </a:p>
        </p:txBody>
      </p:sp>
      <p:grpSp>
        <p:nvGrpSpPr>
          <p:cNvPr id="23" name="Group 22">
            <a:extLst>
              <a:ext uri="{FF2B5EF4-FFF2-40B4-BE49-F238E27FC236}">
                <a16:creationId xmlns:a16="http://schemas.microsoft.com/office/drawing/2014/main" id="{CCB66D52-174F-B29A-9B24-3BC4DD640BE1}"/>
              </a:ext>
            </a:extLst>
          </p:cNvPr>
          <p:cNvGrpSpPr/>
          <p:nvPr/>
        </p:nvGrpSpPr>
        <p:grpSpPr>
          <a:xfrm>
            <a:off x="171522" y="3932483"/>
            <a:ext cx="704088" cy="892638"/>
            <a:chOff x="1771658" y="1385872"/>
            <a:chExt cx="704088" cy="892638"/>
          </a:xfrm>
        </p:grpSpPr>
        <p:pic>
          <p:nvPicPr>
            <p:cNvPr id="6" name="Graphic 5" descr="Database outline">
              <a:extLst>
                <a:ext uri="{FF2B5EF4-FFF2-40B4-BE49-F238E27FC236}">
                  <a16:creationId xmlns:a16="http://schemas.microsoft.com/office/drawing/2014/main" id="{04D139BD-DB56-DEFA-F2D3-61DE9B17031C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1771658" y="1385872"/>
              <a:ext cx="704088" cy="704088"/>
            </a:xfrm>
            <a:prstGeom prst="rect">
              <a:avLst/>
            </a:prstGeom>
          </p:spPr>
        </p:pic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8E8DEF19-274A-3E5E-46EB-CF09D6A18BFE}"/>
                </a:ext>
              </a:extLst>
            </p:cNvPr>
            <p:cNvSpPr txBox="1"/>
            <p:nvPr/>
          </p:nvSpPr>
          <p:spPr>
            <a:xfrm>
              <a:off x="1870340" y="2036530"/>
              <a:ext cx="474664" cy="24198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sp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3GPP</a:t>
              </a:r>
            </a:p>
          </p:txBody>
        </p:sp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D0970ADB-7EF6-B540-78B5-20FC8E11C693}"/>
              </a:ext>
            </a:extLst>
          </p:cNvPr>
          <p:cNvGrpSpPr/>
          <p:nvPr/>
        </p:nvGrpSpPr>
        <p:grpSpPr>
          <a:xfrm>
            <a:off x="171522" y="4912619"/>
            <a:ext cx="704088" cy="903876"/>
            <a:chOff x="2475746" y="1540560"/>
            <a:chExt cx="704088" cy="903876"/>
          </a:xfrm>
        </p:grpSpPr>
        <p:pic>
          <p:nvPicPr>
            <p:cNvPr id="9" name="Graphic 8" descr="Database outline">
              <a:extLst>
                <a:ext uri="{FF2B5EF4-FFF2-40B4-BE49-F238E27FC236}">
                  <a16:creationId xmlns:a16="http://schemas.microsoft.com/office/drawing/2014/main" id="{2465098F-7A50-B097-B244-4468D657C19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2475746" y="1540560"/>
              <a:ext cx="704088" cy="704088"/>
            </a:xfrm>
            <a:prstGeom prst="rect">
              <a:avLst/>
            </a:prstGeom>
          </p:spPr>
        </p:pic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15EFEA0B-12FE-59CA-9B1C-99A4CF5E87C5}"/>
                </a:ext>
              </a:extLst>
            </p:cNvPr>
            <p:cNvSpPr txBox="1"/>
            <p:nvPr/>
          </p:nvSpPr>
          <p:spPr>
            <a:xfrm>
              <a:off x="2600076" y="2202456"/>
              <a:ext cx="428176" cy="24198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sp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IETF</a:t>
              </a:r>
            </a:p>
          </p:txBody>
        </p:sp>
      </p:grpSp>
      <p:grpSp>
        <p:nvGrpSpPr>
          <p:cNvPr id="21" name="Group 20">
            <a:extLst>
              <a:ext uri="{FF2B5EF4-FFF2-40B4-BE49-F238E27FC236}">
                <a16:creationId xmlns:a16="http://schemas.microsoft.com/office/drawing/2014/main" id="{07428A0D-88D3-D727-EBFC-3CF31C539F56}"/>
              </a:ext>
            </a:extLst>
          </p:cNvPr>
          <p:cNvGrpSpPr/>
          <p:nvPr/>
        </p:nvGrpSpPr>
        <p:grpSpPr>
          <a:xfrm>
            <a:off x="171522" y="2011904"/>
            <a:ext cx="704088" cy="899559"/>
            <a:chOff x="1081628" y="1044085"/>
            <a:chExt cx="704088" cy="899559"/>
          </a:xfrm>
        </p:grpSpPr>
        <p:pic>
          <p:nvPicPr>
            <p:cNvPr id="8" name="Graphic 7" descr="Database outline">
              <a:extLst>
                <a:ext uri="{FF2B5EF4-FFF2-40B4-BE49-F238E27FC236}">
                  <a16:creationId xmlns:a16="http://schemas.microsoft.com/office/drawing/2014/main" id="{76A8ABE4-51D6-E43F-F2FA-55B3691EFAB9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1081628" y="1044085"/>
              <a:ext cx="704088" cy="704088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242EB1FF-EDD9-3B89-1E51-CCADA557EAA4}"/>
                </a:ext>
              </a:extLst>
            </p:cNvPr>
            <p:cNvSpPr txBox="1"/>
            <p:nvPr/>
          </p:nvSpPr>
          <p:spPr>
            <a:xfrm>
              <a:off x="1240904" y="1701664"/>
              <a:ext cx="364697" cy="24198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sp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ISO</a:t>
              </a:r>
            </a:p>
          </p:txBody>
        </p:sp>
      </p:grpSp>
      <p:pic>
        <p:nvPicPr>
          <p:cNvPr id="25" name="Graphic 24" descr="Brain outline">
            <a:extLst>
              <a:ext uri="{FF2B5EF4-FFF2-40B4-BE49-F238E27FC236}">
                <a16:creationId xmlns:a16="http://schemas.microsoft.com/office/drawing/2014/main" id="{56EE1D31-3AB6-6075-17EB-7FF263F28C4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3212807" y="2119801"/>
            <a:ext cx="548640" cy="548640"/>
          </a:xfrm>
          <a:prstGeom prst="rect">
            <a:avLst/>
          </a:prstGeom>
        </p:spPr>
      </p:pic>
      <p:grpSp>
        <p:nvGrpSpPr>
          <p:cNvPr id="129" name="Group 128">
            <a:extLst>
              <a:ext uri="{FF2B5EF4-FFF2-40B4-BE49-F238E27FC236}">
                <a16:creationId xmlns:a16="http://schemas.microsoft.com/office/drawing/2014/main" id="{498CB4D3-83A9-0E8D-28DA-05AA91C7B063}"/>
              </a:ext>
            </a:extLst>
          </p:cNvPr>
          <p:cNvGrpSpPr/>
          <p:nvPr/>
        </p:nvGrpSpPr>
        <p:grpSpPr>
          <a:xfrm>
            <a:off x="3783758" y="4217233"/>
            <a:ext cx="615462" cy="1106200"/>
            <a:chOff x="5652358" y="3882841"/>
            <a:chExt cx="615462" cy="1106200"/>
          </a:xfrm>
        </p:grpSpPr>
        <p:sp>
          <p:nvSpPr>
            <p:cNvPr id="14" name="Cylinder 13">
              <a:extLst>
                <a:ext uri="{FF2B5EF4-FFF2-40B4-BE49-F238E27FC236}">
                  <a16:creationId xmlns:a16="http://schemas.microsoft.com/office/drawing/2014/main" id="{373C20DA-D105-00E8-A4BA-6BD411BFD47F}"/>
                </a:ext>
              </a:extLst>
            </p:cNvPr>
            <p:cNvSpPr/>
            <p:nvPr/>
          </p:nvSpPr>
          <p:spPr bwMode="auto">
            <a:xfrm>
              <a:off x="5652358" y="3882841"/>
              <a:ext cx="615462" cy="804496"/>
            </a:xfrm>
            <a:prstGeom prst="can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sz="1100" dirty="0" err="1">
                <a:solidFill>
                  <a:srgbClr val="FFFFFF"/>
                </a:solidFill>
                <a:latin typeface="+mn-lt"/>
              </a:endParaRPr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5DED4847-DA52-91D4-3AFB-C2B736C747B3}"/>
                </a:ext>
              </a:extLst>
            </p:cNvPr>
            <p:cNvSpPr txBox="1"/>
            <p:nvPr/>
          </p:nvSpPr>
          <p:spPr>
            <a:xfrm>
              <a:off x="5664620" y="4747061"/>
              <a:ext cx="559943" cy="24198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sp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T-Reqs</a:t>
              </a:r>
            </a:p>
          </p:txBody>
        </p:sp>
      </p:grp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A2B9B526-FC4D-2416-133A-98D797AAFC82}"/>
              </a:ext>
            </a:extLst>
          </p:cNvPr>
          <p:cNvCxnSpPr>
            <a:cxnSpLocks/>
            <a:stCxn id="34" idx="3"/>
            <a:endCxn id="82" idx="1"/>
          </p:cNvCxnSpPr>
          <p:nvPr/>
        </p:nvCxnSpPr>
        <p:spPr bwMode="auto">
          <a:xfrm>
            <a:off x="4784273" y="2394121"/>
            <a:ext cx="474186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triangle"/>
          </a:ln>
          <a:effectLst/>
        </p:spPr>
      </p:cxn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74D00A06-2E35-1CAE-520B-8867F85DD91F}"/>
              </a:ext>
            </a:extLst>
          </p:cNvPr>
          <p:cNvCxnSpPr>
            <a:cxnSpLocks/>
            <a:stCxn id="14" idx="4"/>
            <a:endCxn id="115" idx="1"/>
          </p:cNvCxnSpPr>
          <p:nvPr/>
        </p:nvCxnSpPr>
        <p:spPr bwMode="auto">
          <a:xfrm>
            <a:off x="4399220" y="4619481"/>
            <a:ext cx="1078242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triangle"/>
          </a:ln>
          <a:effectLst/>
        </p:spPr>
      </p:cxnSp>
      <p:sp>
        <p:nvSpPr>
          <p:cNvPr id="56" name="TextBox 55">
            <a:extLst>
              <a:ext uri="{FF2B5EF4-FFF2-40B4-BE49-F238E27FC236}">
                <a16:creationId xmlns:a16="http://schemas.microsoft.com/office/drawing/2014/main" id="{7EC83DE0-68B7-1962-5EEC-E844BA2F1F36}"/>
              </a:ext>
            </a:extLst>
          </p:cNvPr>
          <p:cNvSpPr txBox="1"/>
          <p:nvPr/>
        </p:nvSpPr>
        <p:spPr>
          <a:xfrm>
            <a:off x="5299809" y="4979236"/>
            <a:ext cx="903947" cy="411257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elected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requirements</a:t>
            </a:r>
          </a:p>
        </p:txBody>
      </p:sp>
      <p:sp>
        <p:nvSpPr>
          <p:cNvPr id="80" name="TextBox 79">
            <a:extLst>
              <a:ext uri="{FF2B5EF4-FFF2-40B4-BE49-F238E27FC236}">
                <a16:creationId xmlns:a16="http://schemas.microsoft.com/office/drawing/2014/main" id="{E9B370B9-CF2D-D8B9-BADE-0DC3ED380A14}"/>
              </a:ext>
            </a:extLst>
          </p:cNvPr>
          <p:cNvSpPr txBox="1"/>
          <p:nvPr/>
        </p:nvSpPr>
        <p:spPr>
          <a:xfrm>
            <a:off x="3079743" y="2703733"/>
            <a:ext cx="868681" cy="580534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LLM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(sentence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ransformer)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49594634-1837-7856-33C4-1A99C160FC67}"/>
              </a:ext>
            </a:extLst>
          </p:cNvPr>
          <p:cNvGrpSpPr/>
          <p:nvPr/>
        </p:nvGrpSpPr>
        <p:grpSpPr>
          <a:xfrm>
            <a:off x="8196568" y="4331856"/>
            <a:ext cx="1266727" cy="412294"/>
            <a:chOff x="9345309" y="5704569"/>
            <a:chExt cx="1266727" cy="412294"/>
          </a:xfrm>
        </p:grpSpPr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D4CBEC99-5FDA-EF52-DDEB-11889DDCE7FF}"/>
                </a:ext>
              </a:extLst>
            </p:cNvPr>
            <p:cNvSpPr txBox="1"/>
            <p:nvPr/>
          </p:nvSpPr>
          <p:spPr>
            <a:xfrm>
              <a:off x="9345309" y="5874883"/>
              <a:ext cx="1225510" cy="24198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sp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Distance to T-Reqs</a:t>
              </a:r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BA06C217-F3C4-429D-6E92-A2DF001B1D9D}"/>
                </a:ext>
              </a:extLst>
            </p:cNvPr>
            <p:cNvSpPr txBox="1"/>
            <p:nvPr/>
          </p:nvSpPr>
          <p:spPr>
            <a:xfrm>
              <a:off x="10011056" y="5704569"/>
              <a:ext cx="600980" cy="24198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sp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_______</a:t>
              </a:r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AECEFC06-0F99-A8E6-E0D0-09F54C628884}"/>
              </a:ext>
            </a:extLst>
          </p:cNvPr>
          <p:cNvGrpSpPr/>
          <p:nvPr/>
        </p:nvGrpSpPr>
        <p:grpSpPr>
          <a:xfrm>
            <a:off x="171522" y="2998962"/>
            <a:ext cx="704088" cy="846022"/>
            <a:chOff x="2356346" y="629733"/>
            <a:chExt cx="704088" cy="846022"/>
          </a:xfrm>
        </p:grpSpPr>
        <p:pic>
          <p:nvPicPr>
            <p:cNvPr id="7" name="Graphic 6" descr="Database outline">
              <a:extLst>
                <a:ext uri="{FF2B5EF4-FFF2-40B4-BE49-F238E27FC236}">
                  <a16:creationId xmlns:a16="http://schemas.microsoft.com/office/drawing/2014/main" id="{4F42E2C2-13F9-576B-E803-B9E73F03B64F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2356346" y="629733"/>
              <a:ext cx="704088" cy="704088"/>
            </a:xfrm>
            <a:prstGeom prst="rect">
              <a:avLst/>
            </a:prstGeom>
          </p:spPr>
        </p:pic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85C64712-6BAC-985B-4E03-2AE66DA9D8CD}"/>
                </a:ext>
              </a:extLst>
            </p:cNvPr>
            <p:cNvSpPr txBox="1"/>
            <p:nvPr/>
          </p:nvSpPr>
          <p:spPr>
            <a:xfrm>
              <a:off x="2587918" y="1233775"/>
              <a:ext cx="232931" cy="24198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sp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…</a:t>
              </a:r>
            </a:p>
          </p:txBody>
        </p:sp>
      </p:grpSp>
      <p:grpSp>
        <p:nvGrpSpPr>
          <p:cNvPr id="27" name="Group 26">
            <a:extLst>
              <a:ext uri="{FF2B5EF4-FFF2-40B4-BE49-F238E27FC236}">
                <a16:creationId xmlns:a16="http://schemas.microsoft.com/office/drawing/2014/main" id="{EEFE3F88-0F8C-E82E-6D68-9489DFED0959}"/>
              </a:ext>
            </a:extLst>
          </p:cNvPr>
          <p:cNvGrpSpPr/>
          <p:nvPr/>
        </p:nvGrpSpPr>
        <p:grpSpPr>
          <a:xfrm>
            <a:off x="171522" y="1023791"/>
            <a:ext cx="704088" cy="900614"/>
            <a:chOff x="1626441" y="467576"/>
            <a:chExt cx="704088" cy="900614"/>
          </a:xfrm>
        </p:grpSpPr>
        <p:pic>
          <p:nvPicPr>
            <p:cNvPr id="26" name="Graphic 25" descr="Database outline">
              <a:extLst>
                <a:ext uri="{FF2B5EF4-FFF2-40B4-BE49-F238E27FC236}">
                  <a16:creationId xmlns:a16="http://schemas.microsoft.com/office/drawing/2014/main" id="{4371E171-183F-932A-E446-6C437F2E47AF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1626441" y="467576"/>
              <a:ext cx="704088" cy="704088"/>
            </a:xfrm>
            <a:prstGeom prst="rect">
              <a:avLst/>
            </a:prstGeom>
          </p:spPr>
        </p:pic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7E2B9763-E905-E2E5-98A5-3DE65DD68527}"/>
                </a:ext>
              </a:extLst>
            </p:cNvPr>
            <p:cNvSpPr txBox="1"/>
            <p:nvPr/>
          </p:nvSpPr>
          <p:spPr>
            <a:xfrm>
              <a:off x="1747565" y="1126210"/>
              <a:ext cx="432985" cy="24198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sp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rPr>
                <a:t>IEEE</a:t>
              </a:r>
            </a:p>
          </p:txBody>
        </p:sp>
      </p:grp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3B629DF9-1EA7-DA90-E98B-7940D766FB17}"/>
              </a:ext>
            </a:extLst>
          </p:cNvPr>
          <p:cNvCxnSpPr>
            <a:cxnSpLocks/>
            <a:endCxn id="119" idx="0"/>
          </p:cNvCxnSpPr>
          <p:nvPr/>
        </p:nvCxnSpPr>
        <p:spPr bwMode="auto">
          <a:xfrm>
            <a:off x="5916827" y="2461797"/>
            <a:ext cx="710908" cy="1449115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triangle"/>
          </a:ln>
          <a:effectLst/>
        </p:spPr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70CE947E-EBF6-CFA1-3981-A131B2BD7153}"/>
              </a:ext>
            </a:extLst>
          </p:cNvPr>
          <p:cNvSpPr txBox="1"/>
          <p:nvPr/>
        </p:nvSpPr>
        <p:spPr>
          <a:xfrm>
            <a:off x="4733077" y="2461797"/>
            <a:ext cx="469213" cy="241980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heck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0FA8FA-929B-2388-B82E-0BC3814F101A}"/>
              </a:ext>
            </a:extLst>
          </p:cNvPr>
          <p:cNvSpPr txBox="1"/>
          <p:nvPr/>
        </p:nvSpPr>
        <p:spPr>
          <a:xfrm>
            <a:off x="10421709" y="3927156"/>
            <a:ext cx="707098" cy="919089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  <a:t>Missing</a:t>
            </a:r>
            <a:br>
              <a:rPr lang="en-US" sz="1100" kern="1000" spc="-3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</a:br>
            <a:r>
              <a:rPr lang="en-US" sz="1100" kern="1000" spc="-3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  <a:t>req</a:t>
            </a:r>
            <a:br>
              <a:rPr lang="en-US" sz="1100" kern="1000" spc="-3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</a:br>
            <a:r>
              <a:rPr lang="en-US" sz="1100" kern="1000" spc="-3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  <a:t>generator</a:t>
            </a:r>
            <a:br>
              <a:rPr lang="en-US" sz="1100" kern="1000" spc="-3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(instruct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odel)</a:t>
            </a:r>
          </a:p>
        </p:txBody>
      </p:sp>
      <p:grpSp>
        <p:nvGrpSpPr>
          <p:cNvPr id="66" name="Group 65">
            <a:extLst>
              <a:ext uri="{FF2B5EF4-FFF2-40B4-BE49-F238E27FC236}">
                <a16:creationId xmlns:a16="http://schemas.microsoft.com/office/drawing/2014/main" id="{02288707-4F98-3337-DA50-60EE571A48BC}"/>
              </a:ext>
            </a:extLst>
          </p:cNvPr>
          <p:cNvGrpSpPr/>
          <p:nvPr/>
        </p:nvGrpSpPr>
        <p:grpSpPr>
          <a:xfrm>
            <a:off x="1648045" y="2000194"/>
            <a:ext cx="754381" cy="787854"/>
            <a:chOff x="1340968" y="3105682"/>
            <a:chExt cx="754381" cy="787854"/>
          </a:xfrm>
        </p:grpSpPr>
        <p:grpSp>
          <p:nvGrpSpPr>
            <p:cNvPr id="49" name="Group 48">
              <a:extLst>
                <a:ext uri="{FF2B5EF4-FFF2-40B4-BE49-F238E27FC236}">
                  <a16:creationId xmlns:a16="http://schemas.microsoft.com/office/drawing/2014/main" id="{E3B81C00-B3B1-07DA-8B56-19B7BBF6E0EA}"/>
                </a:ext>
              </a:extLst>
            </p:cNvPr>
            <p:cNvGrpSpPr/>
            <p:nvPr/>
          </p:nvGrpSpPr>
          <p:grpSpPr>
            <a:xfrm>
              <a:off x="1340968" y="3105682"/>
              <a:ext cx="534925" cy="384150"/>
              <a:chOff x="7849507" y="842293"/>
              <a:chExt cx="742953" cy="533542"/>
            </a:xfrm>
          </p:grpSpPr>
          <p:sp>
            <p:nvSpPr>
              <p:cNvPr id="48" name="Rectangle 47">
                <a:extLst>
                  <a:ext uri="{FF2B5EF4-FFF2-40B4-BE49-F238E27FC236}">
                    <a16:creationId xmlns:a16="http://schemas.microsoft.com/office/drawing/2014/main" id="{4F38C1FF-39CB-BD51-7AB5-5515F744BB8F}"/>
                  </a:ext>
                </a:extLst>
              </p:cNvPr>
              <p:cNvSpPr/>
              <p:nvPr/>
            </p:nvSpPr>
            <p:spPr bwMode="auto">
              <a:xfrm>
                <a:off x="7849507" y="842293"/>
                <a:ext cx="742953" cy="53354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sz="1100" dirty="0" err="1">
                  <a:solidFill>
                    <a:srgbClr val="FFFFFF"/>
                  </a:solidFill>
                  <a:latin typeface="+mn-lt"/>
                </a:endParaRPr>
              </a:p>
            </p:txBody>
          </p:sp>
          <p:sp>
            <p:nvSpPr>
              <p:cNvPr id="47" name="Graphic 44" descr="Open folder outline">
                <a:extLst>
                  <a:ext uri="{FF2B5EF4-FFF2-40B4-BE49-F238E27FC236}">
                    <a16:creationId xmlns:a16="http://schemas.microsoft.com/office/drawing/2014/main" id="{2A80DDD7-C444-D2F2-6BF9-4743CE760822}"/>
                  </a:ext>
                </a:extLst>
              </p:cNvPr>
              <p:cNvSpPr/>
              <p:nvPr/>
            </p:nvSpPr>
            <p:spPr>
              <a:xfrm>
                <a:off x="7849507" y="842293"/>
                <a:ext cx="742953" cy="533542"/>
              </a:xfrm>
              <a:custGeom>
                <a:avLst/>
                <a:gdLst>
                  <a:gd name="connsiteX0" fmla="*/ 18450 w 742953"/>
                  <a:gd name="connsiteY0" fmla="*/ 533286 h 533542"/>
                  <a:gd name="connsiteX1" fmla="*/ 19479 w 742953"/>
                  <a:gd name="connsiteY1" fmla="*/ 533543 h 533542"/>
                  <a:gd name="connsiteX2" fmla="*/ 609600 w 742953"/>
                  <a:gd name="connsiteY2" fmla="*/ 533543 h 533542"/>
                  <a:gd name="connsiteX3" fmla="*/ 739140 w 742953"/>
                  <a:gd name="connsiteY3" fmla="*/ 255337 h 533542"/>
                  <a:gd name="connsiteX4" fmla="*/ 720934 w 742953"/>
                  <a:gd name="connsiteY4" fmla="*/ 203638 h 533542"/>
                  <a:gd name="connsiteX5" fmla="*/ 708660 w 742953"/>
                  <a:gd name="connsiteY5" fmla="*/ 200092 h 533542"/>
                  <a:gd name="connsiteX6" fmla="*/ 666750 w 742953"/>
                  <a:gd name="connsiteY6" fmla="*/ 200092 h 533542"/>
                  <a:gd name="connsiteX7" fmla="*/ 666750 w 742953"/>
                  <a:gd name="connsiteY7" fmla="*/ 114367 h 533542"/>
                  <a:gd name="connsiteX8" fmla="*/ 628650 w 742953"/>
                  <a:gd name="connsiteY8" fmla="*/ 76267 h 533542"/>
                  <a:gd name="connsiteX9" fmla="*/ 345567 w 742953"/>
                  <a:gd name="connsiteY9" fmla="*/ 76267 h 533542"/>
                  <a:gd name="connsiteX10" fmla="*/ 340709 w 742953"/>
                  <a:gd name="connsiteY10" fmla="*/ 74800 h 533542"/>
                  <a:gd name="connsiteX11" fmla="*/ 238125 w 742953"/>
                  <a:gd name="connsiteY11" fmla="*/ 6667 h 533542"/>
                  <a:gd name="connsiteX12" fmla="*/ 217170 w 742953"/>
                  <a:gd name="connsiteY12" fmla="*/ 0 h 533542"/>
                  <a:gd name="connsiteX13" fmla="*/ 38100 w 742953"/>
                  <a:gd name="connsiteY13" fmla="*/ 0 h 533542"/>
                  <a:gd name="connsiteX14" fmla="*/ 0 w 742953"/>
                  <a:gd name="connsiteY14" fmla="*/ 38100 h 533542"/>
                  <a:gd name="connsiteX15" fmla="*/ 0 w 742953"/>
                  <a:gd name="connsiteY15" fmla="*/ 514293 h 533542"/>
                  <a:gd name="connsiteX16" fmla="*/ 18450 w 742953"/>
                  <a:gd name="connsiteY16" fmla="*/ 533286 h 533542"/>
                  <a:gd name="connsiteX17" fmla="*/ 707641 w 742953"/>
                  <a:gd name="connsiteY17" fmla="*/ 219123 h 533542"/>
                  <a:gd name="connsiteX18" fmla="*/ 723638 w 742953"/>
                  <a:gd name="connsiteY18" fmla="*/ 242026 h 533542"/>
                  <a:gd name="connsiteX19" fmla="*/ 722138 w 742953"/>
                  <a:gd name="connsiteY19" fmla="*/ 246821 h 533542"/>
                  <a:gd name="connsiteX20" fmla="*/ 722014 w 742953"/>
                  <a:gd name="connsiteY20" fmla="*/ 247059 h 533542"/>
                  <a:gd name="connsiteX21" fmla="*/ 721909 w 742953"/>
                  <a:gd name="connsiteY21" fmla="*/ 247298 h 533542"/>
                  <a:gd name="connsiteX22" fmla="*/ 597513 w 742953"/>
                  <a:gd name="connsiteY22" fmla="*/ 514436 h 533542"/>
                  <a:gd name="connsiteX23" fmla="*/ 597427 w 742953"/>
                  <a:gd name="connsiteY23" fmla="*/ 514493 h 533542"/>
                  <a:gd name="connsiteX24" fmla="*/ 39053 w 742953"/>
                  <a:gd name="connsiteY24" fmla="*/ 514493 h 533542"/>
                  <a:gd name="connsiteX25" fmla="*/ 38959 w 742953"/>
                  <a:gd name="connsiteY25" fmla="*/ 514396 h 533542"/>
                  <a:gd name="connsiteX26" fmla="*/ 38967 w 742953"/>
                  <a:gd name="connsiteY26" fmla="*/ 514360 h 533542"/>
                  <a:gd name="connsiteX27" fmla="*/ 156496 w 742953"/>
                  <a:gd name="connsiteY27" fmla="*/ 228724 h 533542"/>
                  <a:gd name="connsiteX28" fmla="*/ 171450 w 742953"/>
                  <a:gd name="connsiteY28" fmla="*/ 219123 h 533542"/>
                  <a:gd name="connsiteX29" fmla="*/ 19050 w 742953"/>
                  <a:gd name="connsiteY29" fmla="*/ 38100 h 533542"/>
                  <a:gd name="connsiteX30" fmla="*/ 38100 w 742953"/>
                  <a:gd name="connsiteY30" fmla="*/ 19050 h 533542"/>
                  <a:gd name="connsiteX31" fmla="*/ 217170 w 742953"/>
                  <a:gd name="connsiteY31" fmla="*/ 19050 h 533542"/>
                  <a:gd name="connsiteX32" fmla="*/ 228152 w 742953"/>
                  <a:gd name="connsiteY32" fmla="*/ 22908 h 533542"/>
                  <a:gd name="connsiteX33" fmla="*/ 330165 w 742953"/>
                  <a:gd name="connsiteY33" fmla="*/ 90621 h 533542"/>
                  <a:gd name="connsiteX34" fmla="*/ 345567 w 742953"/>
                  <a:gd name="connsiteY34" fmla="*/ 95269 h 533542"/>
                  <a:gd name="connsiteX35" fmla="*/ 628650 w 742953"/>
                  <a:gd name="connsiteY35" fmla="*/ 95269 h 533542"/>
                  <a:gd name="connsiteX36" fmla="*/ 647700 w 742953"/>
                  <a:gd name="connsiteY36" fmla="*/ 114319 h 533542"/>
                  <a:gd name="connsiteX37" fmla="*/ 647700 w 742953"/>
                  <a:gd name="connsiteY37" fmla="*/ 199968 h 533542"/>
                  <a:gd name="connsiteX38" fmla="*/ 180975 w 742953"/>
                  <a:gd name="connsiteY38" fmla="*/ 199968 h 533542"/>
                  <a:gd name="connsiteX39" fmla="*/ 179489 w 742953"/>
                  <a:gd name="connsiteY39" fmla="*/ 200073 h 533542"/>
                  <a:gd name="connsiteX40" fmla="*/ 171450 w 742953"/>
                  <a:gd name="connsiteY40" fmla="*/ 200073 h 533542"/>
                  <a:gd name="connsiteX41" fmla="*/ 139065 w 742953"/>
                  <a:gd name="connsiteY41" fmla="*/ 221028 h 533542"/>
                  <a:gd name="connsiteX42" fmla="*/ 19231 w 742953"/>
                  <a:gd name="connsiteY42" fmla="*/ 512245 h 533542"/>
                  <a:gd name="connsiteX43" fmla="*/ 19111 w 742953"/>
                  <a:gd name="connsiteY43" fmla="*/ 512306 h 533542"/>
                  <a:gd name="connsiteX44" fmla="*/ 19050 w 742953"/>
                  <a:gd name="connsiteY44" fmla="*/ 512245 h 5335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</a:cxnLst>
                <a:rect l="l" t="t" r="r" b="b"/>
                <a:pathLst>
                  <a:path w="742953" h="533542">
                    <a:moveTo>
                      <a:pt x="18450" y="533286"/>
                    </a:moveTo>
                    <a:cubicBezTo>
                      <a:pt x="18784" y="533402"/>
                      <a:pt x="19129" y="533488"/>
                      <a:pt x="19479" y="533543"/>
                    </a:cubicBezTo>
                    <a:lnTo>
                      <a:pt x="609600" y="533543"/>
                    </a:lnTo>
                    <a:lnTo>
                      <a:pt x="739140" y="255337"/>
                    </a:lnTo>
                    <a:cubicBezTo>
                      <a:pt x="748389" y="236033"/>
                      <a:pt x="740238" y="212887"/>
                      <a:pt x="720934" y="203638"/>
                    </a:cubicBezTo>
                    <a:cubicBezTo>
                      <a:pt x="717067" y="201785"/>
                      <a:pt x="712920" y="200586"/>
                      <a:pt x="708660" y="200092"/>
                    </a:cubicBezTo>
                    <a:lnTo>
                      <a:pt x="666750" y="200092"/>
                    </a:lnTo>
                    <a:lnTo>
                      <a:pt x="666750" y="114367"/>
                    </a:lnTo>
                    <a:cubicBezTo>
                      <a:pt x="666687" y="93351"/>
                      <a:pt x="649666" y="76330"/>
                      <a:pt x="628650" y="76267"/>
                    </a:cubicBezTo>
                    <a:lnTo>
                      <a:pt x="345567" y="76267"/>
                    </a:lnTo>
                    <a:cubicBezTo>
                      <a:pt x="343839" y="76264"/>
                      <a:pt x="342149" y="75754"/>
                      <a:pt x="340709" y="74800"/>
                    </a:cubicBezTo>
                    <a:lnTo>
                      <a:pt x="238125" y="6667"/>
                    </a:lnTo>
                    <a:cubicBezTo>
                      <a:pt x="231859" y="2617"/>
                      <a:pt x="224624" y="315"/>
                      <a:pt x="217170" y="0"/>
                    </a:cubicBezTo>
                    <a:lnTo>
                      <a:pt x="38100" y="0"/>
                    </a:lnTo>
                    <a:cubicBezTo>
                      <a:pt x="17084" y="63"/>
                      <a:pt x="63" y="17084"/>
                      <a:pt x="0" y="38100"/>
                    </a:cubicBezTo>
                    <a:lnTo>
                      <a:pt x="0" y="514293"/>
                    </a:lnTo>
                    <a:cubicBezTo>
                      <a:pt x="26" y="524562"/>
                      <a:pt x="8186" y="532962"/>
                      <a:pt x="18450" y="533286"/>
                    </a:cubicBezTo>
                    <a:close/>
                    <a:moveTo>
                      <a:pt x="707641" y="219123"/>
                    </a:moveTo>
                    <a:cubicBezTo>
                      <a:pt x="718383" y="221030"/>
                      <a:pt x="725545" y="231284"/>
                      <a:pt x="723638" y="242026"/>
                    </a:cubicBezTo>
                    <a:cubicBezTo>
                      <a:pt x="723344" y="243682"/>
                      <a:pt x="722840" y="245294"/>
                      <a:pt x="722138" y="246821"/>
                    </a:cubicBezTo>
                    <a:lnTo>
                      <a:pt x="722014" y="247059"/>
                    </a:lnTo>
                    <a:lnTo>
                      <a:pt x="721909" y="247298"/>
                    </a:lnTo>
                    <a:lnTo>
                      <a:pt x="597513" y="514436"/>
                    </a:lnTo>
                    <a:lnTo>
                      <a:pt x="597427" y="514493"/>
                    </a:lnTo>
                    <a:lnTo>
                      <a:pt x="39053" y="514493"/>
                    </a:lnTo>
                    <a:cubicBezTo>
                      <a:pt x="39000" y="514492"/>
                      <a:pt x="38958" y="514449"/>
                      <a:pt x="38959" y="514396"/>
                    </a:cubicBezTo>
                    <a:cubicBezTo>
                      <a:pt x="38959" y="514383"/>
                      <a:pt x="38962" y="514371"/>
                      <a:pt x="38967" y="514360"/>
                    </a:cubicBezTo>
                    <a:lnTo>
                      <a:pt x="156496" y="228724"/>
                    </a:lnTo>
                    <a:cubicBezTo>
                      <a:pt x="159242" y="222934"/>
                      <a:pt x="165043" y="219209"/>
                      <a:pt x="171450" y="219123"/>
                    </a:cubicBezTo>
                    <a:close/>
                    <a:moveTo>
                      <a:pt x="19050" y="38100"/>
                    </a:moveTo>
                    <a:cubicBezTo>
                      <a:pt x="19050" y="27579"/>
                      <a:pt x="27579" y="19050"/>
                      <a:pt x="38100" y="19050"/>
                    </a:cubicBezTo>
                    <a:lnTo>
                      <a:pt x="217170" y="19050"/>
                    </a:lnTo>
                    <a:cubicBezTo>
                      <a:pt x="221100" y="19377"/>
                      <a:pt x="224881" y="20704"/>
                      <a:pt x="228152" y="22908"/>
                    </a:cubicBezTo>
                    <a:lnTo>
                      <a:pt x="330165" y="90621"/>
                    </a:lnTo>
                    <a:cubicBezTo>
                      <a:pt x="334730" y="93651"/>
                      <a:pt x="340087" y="95268"/>
                      <a:pt x="345567" y="95269"/>
                    </a:cubicBezTo>
                    <a:lnTo>
                      <a:pt x="628650" y="95269"/>
                    </a:lnTo>
                    <a:cubicBezTo>
                      <a:pt x="639171" y="95269"/>
                      <a:pt x="647700" y="103798"/>
                      <a:pt x="647700" y="114319"/>
                    </a:cubicBezTo>
                    <a:lnTo>
                      <a:pt x="647700" y="199968"/>
                    </a:lnTo>
                    <a:lnTo>
                      <a:pt x="180975" y="199968"/>
                    </a:lnTo>
                    <a:cubicBezTo>
                      <a:pt x="180470" y="199968"/>
                      <a:pt x="180023" y="200054"/>
                      <a:pt x="179489" y="200073"/>
                    </a:cubicBezTo>
                    <a:lnTo>
                      <a:pt x="171450" y="200073"/>
                    </a:lnTo>
                    <a:cubicBezTo>
                      <a:pt x="157491" y="200141"/>
                      <a:pt x="144848" y="208323"/>
                      <a:pt x="139065" y="221028"/>
                    </a:cubicBezTo>
                    <a:lnTo>
                      <a:pt x="19231" y="512245"/>
                    </a:lnTo>
                    <a:cubicBezTo>
                      <a:pt x="19215" y="512295"/>
                      <a:pt x="19160" y="512322"/>
                      <a:pt x="19111" y="512306"/>
                    </a:cubicBezTo>
                    <a:cubicBezTo>
                      <a:pt x="19082" y="512296"/>
                      <a:pt x="19060" y="512274"/>
                      <a:pt x="19050" y="512245"/>
                    </a:cubicBezTo>
                    <a:close/>
                  </a:path>
                </a:pathLst>
              </a:custGeom>
              <a:solidFill>
                <a:srgbClr val="000000"/>
              </a:solidFill>
              <a:ln w="952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 sz="1100"/>
              </a:p>
            </p:txBody>
          </p:sp>
        </p:grpSp>
        <p:grpSp>
          <p:nvGrpSpPr>
            <p:cNvPr id="51" name="Group 50">
              <a:extLst>
                <a:ext uri="{FF2B5EF4-FFF2-40B4-BE49-F238E27FC236}">
                  <a16:creationId xmlns:a16="http://schemas.microsoft.com/office/drawing/2014/main" id="{950EA356-9DC9-ABC8-F486-0D678235B34B}"/>
                </a:ext>
              </a:extLst>
            </p:cNvPr>
            <p:cNvGrpSpPr/>
            <p:nvPr/>
          </p:nvGrpSpPr>
          <p:grpSpPr>
            <a:xfrm>
              <a:off x="1450696" y="3307534"/>
              <a:ext cx="534925" cy="384150"/>
              <a:chOff x="7849507" y="842293"/>
              <a:chExt cx="742953" cy="533542"/>
            </a:xfrm>
          </p:grpSpPr>
          <p:sp>
            <p:nvSpPr>
              <p:cNvPr id="53" name="Rectangle 52">
                <a:extLst>
                  <a:ext uri="{FF2B5EF4-FFF2-40B4-BE49-F238E27FC236}">
                    <a16:creationId xmlns:a16="http://schemas.microsoft.com/office/drawing/2014/main" id="{9EDF70F7-7057-3F7F-DD0B-95A4E209200B}"/>
                  </a:ext>
                </a:extLst>
              </p:cNvPr>
              <p:cNvSpPr/>
              <p:nvPr/>
            </p:nvSpPr>
            <p:spPr bwMode="auto">
              <a:xfrm>
                <a:off x="7849507" y="842293"/>
                <a:ext cx="742953" cy="53354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sz="1100" dirty="0" err="1">
                  <a:solidFill>
                    <a:srgbClr val="FFFFFF"/>
                  </a:solidFill>
                  <a:latin typeface="+mn-lt"/>
                </a:endParaRPr>
              </a:p>
            </p:txBody>
          </p:sp>
          <p:sp>
            <p:nvSpPr>
              <p:cNvPr id="54" name="Graphic 44" descr="Open folder outline">
                <a:extLst>
                  <a:ext uri="{FF2B5EF4-FFF2-40B4-BE49-F238E27FC236}">
                    <a16:creationId xmlns:a16="http://schemas.microsoft.com/office/drawing/2014/main" id="{BD351983-7974-BBDB-B67E-A391716EDDA6}"/>
                  </a:ext>
                </a:extLst>
              </p:cNvPr>
              <p:cNvSpPr/>
              <p:nvPr/>
            </p:nvSpPr>
            <p:spPr>
              <a:xfrm>
                <a:off x="7849507" y="842293"/>
                <a:ext cx="742953" cy="533542"/>
              </a:xfrm>
              <a:custGeom>
                <a:avLst/>
                <a:gdLst>
                  <a:gd name="connsiteX0" fmla="*/ 18450 w 742953"/>
                  <a:gd name="connsiteY0" fmla="*/ 533286 h 533542"/>
                  <a:gd name="connsiteX1" fmla="*/ 19479 w 742953"/>
                  <a:gd name="connsiteY1" fmla="*/ 533543 h 533542"/>
                  <a:gd name="connsiteX2" fmla="*/ 609600 w 742953"/>
                  <a:gd name="connsiteY2" fmla="*/ 533543 h 533542"/>
                  <a:gd name="connsiteX3" fmla="*/ 739140 w 742953"/>
                  <a:gd name="connsiteY3" fmla="*/ 255337 h 533542"/>
                  <a:gd name="connsiteX4" fmla="*/ 720934 w 742953"/>
                  <a:gd name="connsiteY4" fmla="*/ 203638 h 533542"/>
                  <a:gd name="connsiteX5" fmla="*/ 708660 w 742953"/>
                  <a:gd name="connsiteY5" fmla="*/ 200092 h 533542"/>
                  <a:gd name="connsiteX6" fmla="*/ 666750 w 742953"/>
                  <a:gd name="connsiteY6" fmla="*/ 200092 h 533542"/>
                  <a:gd name="connsiteX7" fmla="*/ 666750 w 742953"/>
                  <a:gd name="connsiteY7" fmla="*/ 114367 h 533542"/>
                  <a:gd name="connsiteX8" fmla="*/ 628650 w 742953"/>
                  <a:gd name="connsiteY8" fmla="*/ 76267 h 533542"/>
                  <a:gd name="connsiteX9" fmla="*/ 345567 w 742953"/>
                  <a:gd name="connsiteY9" fmla="*/ 76267 h 533542"/>
                  <a:gd name="connsiteX10" fmla="*/ 340709 w 742953"/>
                  <a:gd name="connsiteY10" fmla="*/ 74800 h 533542"/>
                  <a:gd name="connsiteX11" fmla="*/ 238125 w 742953"/>
                  <a:gd name="connsiteY11" fmla="*/ 6667 h 533542"/>
                  <a:gd name="connsiteX12" fmla="*/ 217170 w 742953"/>
                  <a:gd name="connsiteY12" fmla="*/ 0 h 533542"/>
                  <a:gd name="connsiteX13" fmla="*/ 38100 w 742953"/>
                  <a:gd name="connsiteY13" fmla="*/ 0 h 533542"/>
                  <a:gd name="connsiteX14" fmla="*/ 0 w 742953"/>
                  <a:gd name="connsiteY14" fmla="*/ 38100 h 533542"/>
                  <a:gd name="connsiteX15" fmla="*/ 0 w 742953"/>
                  <a:gd name="connsiteY15" fmla="*/ 514293 h 533542"/>
                  <a:gd name="connsiteX16" fmla="*/ 18450 w 742953"/>
                  <a:gd name="connsiteY16" fmla="*/ 533286 h 533542"/>
                  <a:gd name="connsiteX17" fmla="*/ 707641 w 742953"/>
                  <a:gd name="connsiteY17" fmla="*/ 219123 h 533542"/>
                  <a:gd name="connsiteX18" fmla="*/ 723638 w 742953"/>
                  <a:gd name="connsiteY18" fmla="*/ 242026 h 533542"/>
                  <a:gd name="connsiteX19" fmla="*/ 722138 w 742953"/>
                  <a:gd name="connsiteY19" fmla="*/ 246821 h 533542"/>
                  <a:gd name="connsiteX20" fmla="*/ 722014 w 742953"/>
                  <a:gd name="connsiteY20" fmla="*/ 247059 h 533542"/>
                  <a:gd name="connsiteX21" fmla="*/ 721909 w 742953"/>
                  <a:gd name="connsiteY21" fmla="*/ 247298 h 533542"/>
                  <a:gd name="connsiteX22" fmla="*/ 597513 w 742953"/>
                  <a:gd name="connsiteY22" fmla="*/ 514436 h 533542"/>
                  <a:gd name="connsiteX23" fmla="*/ 597427 w 742953"/>
                  <a:gd name="connsiteY23" fmla="*/ 514493 h 533542"/>
                  <a:gd name="connsiteX24" fmla="*/ 39053 w 742953"/>
                  <a:gd name="connsiteY24" fmla="*/ 514493 h 533542"/>
                  <a:gd name="connsiteX25" fmla="*/ 38959 w 742953"/>
                  <a:gd name="connsiteY25" fmla="*/ 514396 h 533542"/>
                  <a:gd name="connsiteX26" fmla="*/ 38967 w 742953"/>
                  <a:gd name="connsiteY26" fmla="*/ 514360 h 533542"/>
                  <a:gd name="connsiteX27" fmla="*/ 156496 w 742953"/>
                  <a:gd name="connsiteY27" fmla="*/ 228724 h 533542"/>
                  <a:gd name="connsiteX28" fmla="*/ 171450 w 742953"/>
                  <a:gd name="connsiteY28" fmla="*/ 219123 h 533542"/>
                  <a:gd name="connsiteX29" fmla="*/ 19050 w 742953"/>
                  <a:gd name="connsiteY29" fmla="*/ 38100 h 533542"/>
                  <a:gd name="connsiteX30" fmla="*/ 38100 w 742953"/>
                  <a:gd name="connsiteY30" fmla="*/ 19050 h 533542"/>
                  <a:gd name="connsiteX31" fmla="*/ 217170 w 742953"/>
                  <a:gd name="connsiteY31" fmla="*/ 19050 h 533542"/>
                  <a:gd name="connsiteX32" fmla="*/ 228152 w 742953"/>
                  <a:gd name="connsiteY32" fmla="*/ 22908 h 533542"/>
                  <a:gd name="connsiteX33" fmla="*/ 330165 w 742953"/>
                  <a:gd name="connsiteY33" fmla="*/ 90621 h 533542"/>
                  <a:gd name="connsiteX34" fmla="*/ 345567 w 742953"/>
                  <a:gd name="connsiteY34" fmla="*/ 95269 h 533542"/>
                  <a:gd name="connsiteX35" fmla="*/ 628650 w 742953"/>
                  <a:gd name="connsiteY35" fmla="*/ 95269 h 533542"/>
                  <a:gd name="connsiteX36" fmla="*/ 647700 w 742953"/>
                  <a:gd name="connsiteY36" fmla="*/ 114319 h 533542"/>
                  <a:gd name="connsiteX37" fmla="*/ 647700 w 742953"/>
                  <a:gd name="connsiteY37" fmla="*/ 199968 h 533542"/>
                  <a:gd name="connsiteX38" fmla="*/ 180975 w 742953"/>
                  <a:gd name="connsiteY38" fmla="*/ 199968 h 533542"/>
                  <a:gd name="connsiteX39" fmla="*/ 179489 w 742953"/>
                  <a:gd name="connsiteY39" fmla="*/ 200073 h 533542"/>
                  <a:gd name="connsiteX40" fmla="*/ 171450 w 742953"/>
                  <a:gd name="connsiteY40" fmla="*/ 200073 h 533542"/>
                  <a:gd name="connsiteX41" fmla="*/ 139065 w 742953"/>
                  <a:gd name="connsiteY41" fmla="*/ 221028 h 533542"/>
                  <a:gd name="connsiteX42" fmla="*/ 19231 w 742953"/>
                  <a:gd name="connsiteY42" fmla="*/ 512245 h 533542"/>
                  <a:gd name="connsiteX43" fmla="*/ 19111 w 742953"/>
                  <a:gd name="connsiteY43" fmla="*/ 512306 h 533542"/>
                  <a:gd name="connsiteX44" fmla="*/ 19050 w 742953"/>
                  <a:gd name="connsiteY44" fmla="*/ 512245 h 5335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</a:cxnLst>
                <a:rect l="l" t="t" r="r" b="b"/>
                <a:pathLst>
                  <a:path w="742953" h="533542">
                    <a:moveTo>
                      <a:pt x="18450" y="533286"/>
                    </a:moveTo>
                    <a:cubicBezTo>
                      <a:pt x="18784" y="533402"/>
                      <a:pt x="19129" y="533488"/>
                      <a:pt x="19479" y="533543"/>
                    </a:cubicBezTo>
                    <a:lnTo>
                      <a:pt x="609600" y="533543"/>
                    </a:lnTo>
                    <a:lnTo>
                      <a:pt x="739140" y="255337"/>
                    </a:lnTo>
                    <a:cubicBezTo>
                      <a:pt x="748389" y="236033"/>
                      <a:pt x="740238" y="212887"/>
                      <a:pt x="720934" y="203638"/>
                    </a:cubicBezTo>
                    <a:cubicBezTo>
                      <a:pt x="717067" y="201785"/>
                      <a:pt x="712920" y="200586"/>
                      <a:pt x="708660" y="200092"/>
                    </a:cubicBezTo>
                    <a:lnTo>
                      <a:pt x="666750" y="200092"/>
                    </a:lnTo>
                    <a:lnTo>
                      <a:pt x="666750" y="114367"/>
                    </a:lnTo>
                    <a:cubicBezTo>
                      <a:pt x="666687" y="93351"/>
                      <a:pt x="649666" y="76330"/>
                      <a:pt x="628650" y="76267"/>
                    </a:cubicBezTo>
                    <a:lnTo>
                      <a:pt x="345567" y="76267"/>
                    </a:lnTo>
                    <a:cubicBezTo>
                      <a:pt x="343839" y="76264"/>
                      <a:pt x="342149" y="75754"/>
                      <a:pt x="340709" y="74800"/>
                    </a:cubicBezTo>
                    <a:lnTo>
                      <a:pt x="238125" y="6667"/>
                    </a:lnTo>
                    <a:cubicBezTo>
                      <a:pt x="231859" y="2617"/>
                      <a:pt x="224624" y="315"/>
                      <a:pt x="217170" y="0"/>
                    </a:cubicBezTo>
                    <a:lnTo>
                      <a:pt x="38100" y="0"/>
                    </a:lnTo>
                    <a:cubicBezTo>
                      <a:pt x="17084" y="63"/>
                      <a:pt x="63" y="17084"/>
                      <a:pt x="0" y="38100"/>
                    </a:cubicBezTo>
                    <a:lnTo>
                      <a:pt x="0" y="514293"/>
                    </a:lnTo>
                    <a:cubicBezTo>
                      <a:pt x="26" y="524562"/>
                      <a:pt x="8186" y="532962"/>
                      <a:pt x="18450" y="533286"/>
                    </a:cubicBezTo>
                    <a:close/>
                    <a:moveTo>
                      <a:pt x="707641" y="219123"/>
                    </a:moveTo>
                    <a:cubicBezTo>
                      <a:pt x="718383" y="221030"/>
                      <a:pt x="725545" y="231284"/>
                      <a:pt x="723638" y="242026"/>
                    </a:cubicBezTo>
                    <a:cubicBezTo>
                      <a:pt x="723344" y="243682"/>
                      <a:pt x="722840" y="245294"/>
                      <a:pt x="722138" y="246821"/>
                    </a:cubicBezTo>
                    <a:lnTo>
                      <a:pt x="722014" y="247059"/>
                    </a:lnTo>
                    <a:lnTo>
                      <a:pt x="721909" y="247298"/>
                    </a:lnTo>
                    <a:lnTo>
                      <a:pt x="597513" y="514436"/>
                    </a:lnTo>
                    <a:lnTo>
                      <a:pt x="597427" y="514493"/>
                    </a:lnTo>
                    <a:lnTo>
                      <a:pt x="39053" y="514493"/>
                    </a:lnTo>
                    <a:cubicBezTo>
                      <a:pt x="39000" y="514492"/>
                      <a:pt x="38958" y="514449"/>
                      <a:pt x="38959" y="514396"/>
                    </a:cubicBezTo>
                    <a:cubicBezTo>
                      <a:pt x="38959" y="514383"/>
                      <a:pt x="38962" y="514371"/>
                      <a:pt x="38967" y="514360"/>
                    </a:cubicBezTo>
                    <a:lnTo>
                      <a:pt x="156496" y="228724"/>
                    </a:lnTo>
                    <a:cubicBezTo>
                      <a:pt x="159242" y="222934"/>
                      <a:pt x="165043" y="219209"/>
                      <a:pt x="171450" y="219123"/>
                    </a:cubicBezTo>
                    <a:close/>
                    <a:moveTo>
                      <a:pt x="19050" y="38100"/>
                    </a:moveTo>
                    <a:cubicBezTo>
                      <a:pt x="19050" y="27579"/>
                      <a:pt x="27579" y="19050"/>
                      <a:pt x="38100" y="19050"/>
                    </a:cubicBezTo>
                    <a:lnTo>
                      <a:pt x="217170" y="19050"/>
                    </a:lnTo>
                    <a:cubicBezTo>
                      <a:pt x="221100" y="19377"/>
                      <a:pt x="224881" y="20704"/>
                      <a:pt x="228152" y="22908"/>
                    </a:cubicBezTo>
                    <a:lnTo>
                      <a:pt x="330165" y="90621"/>
                    </a:lnTo>
                    <a:cubicBezTo>
                      <a:pt x="334730" y="93651"/>
                      <a:pt x="340087" y="95268"/>
                      <a:pt x="345567" y="95269"/>
                    </a:cubicBezTo>
                    <a:lnTo>
                      <a:pt x="628650" y="95269"/>
                    </a:lnTo>
                    <a:cubicBezTo>
                      <a:pt x="639171" y="95269"/>
                      <a:pt x="647700" y="103798"/>
                      <a:pt x="647700" y="114319"/>
                    </a:cubicBezTo>
                    <a:lnTo>
                      <a:pt x="647700" y="199968"/>
                    </a:lnTo>
                    <a:lnTo>
                      <a:pt x="180975" y="199968"/>
                    </a:lnTo>
                    <a:cubicBezTo>
                      <a:pt x="180470" y="199968"/>
                      <a:pt x="180023" y="200054"/>
                      <a:pt x="179489" y="200073"/>
                    </a:cubicBezTo>
                    <a:lnTo>
                      <a:pt x="171450" y="200073"/>
                    </a:lnTo>
                    <a:cubicBezTo>
                      <a:pt x="157491" y="200141"/>
                      <a:pt x="144848" y="208323"/>
                      <a:pt x="139065" y="221028"/>
                    </a:cubicBezTo>
                    <a:lnTo>
                      <a:pt x="19231" y="512245"/>
                    </a:lnTo>
                    <a:cubicBezTo>
                      <a:pt x="19215" y="512295"/>
                      <a:pt x="19160" y="512322"/>
                      <a:pt x="19111" y="512306"/>
                    </a:cubicBezTo>
                    <a:cubicBezTo>
                      <a:pt x="19082" y="512296"/>
                      <a:pt x="19060" y="512274"/>
                      <a:pt x="19050" y="512245"/>
                    </a:cubicBezTo>
                    <a:close/>
                  </a:path>
                </a:pathLst>
              </a:custGeom>
              <a:solidFill>
                <a:srgbClr val="000000"/>
              </a:solidFill>
              <a:ln w="952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 sz="1100"/>
              </a:p>
            </p:txBody>
          </p:sp>
        </p:grpSp>
        <p:grpSp>
          <p:nvGrpSpPr>
            <p:cNvPr id="55" name="Group 54">
              <a:extLst>
                <a:ext uri="{FF2B5EF4-FFF2-40B4-BE49-F238E27FC236}">
                  <a16:creationId xmlns:a16="http://schemas.microsoft.com/office/drawing/2014/main" id="{90A9D32A-A102-BAD1-664C-26AECABFB6C9}"/>
                </a:ext>
              </a:extLst>
            </p:cNvPr>
            <p:cNvGrpSpPr/>
            <p:nvPr/>
          </p:nvGrpSpPr>
          <p:grpSpPr>
            <a:xfrm>
              <a:off x="1560424" y="3509386"/>
              <a:ext cx="534925" cy="384150"/>
              <a:chOff x="7849507" y="842293"/>
              <a:chExt cx="742953" cy="533542"/>
            </a:xfrm>
          </p:grpSpPr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26A86567-834A-CA2A-6F4A-E0799BB9A2C6}"/>
                  </a:ext>
                </a:extLst>
              </p:cNvPr>
              <p:cNvSpPr/>
              <p:nvPr/>
            </p:nvSpPr>
            <p:spPr bwMode="auto">
              <a:xfrm>
                <a:off x="7849507" y="842293"/>
                <a:ext cx="742953" cy="53354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r>
                  <a:rPr lang="en-US" sz="1100" dirty="0">
                    <a:solidFill>
                      <a:srgbClr val="FFFFFF"/>
                    </a:solidFill>
                    <a:latin typeface="+mn-lt"/>
                  </a:rPr>
                  <a:t>3</a:t>
                </a:r>
              </a:p>
            </p:txBody>
          </p:sp>
          <p:sp>
            <p:nvSpPr>
              <p:cNvPr id="61" name="Graphic 44" descr="Open folder outline">
                <a:extLst>
                  <a:ext uri="{FF2B5EF4-FFF2-40B4-BE49-F238E27FC236}">
                    <a16:creationId xmlns:a16="http://schemas.microsoft.com/office/drawing/2014/main" id="{6F540D91-D867-0144-8B92-13D2EB6B7D49}"/>
                  </a:ext>
                </a:extLst>
              </p:cNvPr>
              <p:cNvSpPr/>
              <p:nvPr/>
            </p:nvSpPr>
            <p:spPr>
              <a:xfrm>
                <a:off x="7849507" y="842293"/>
                <a:ext cx="742953" cy="533542"/>
              </a:xfrm>
              <a:custGeom>
                <a:avLst/>
                <a:gdLst>
                  <a:gd name="connsiteX0" fmla="*/ 18450 w 742953"/>
                  <a:gd name="connsiteY0" fmla="*/ 533286 h 533542"/>
                  <a:gd name="connsiteX1" fmla="*/ 19479 w 742953"/>
                  <a:gd name="connsiteY1" fmla="*/ 533543 h 533542"/>
                  <a:gd name="connsiteX2" fmla="*/ 609600 w 742953"/>
                  <a:gd name="connsiteY2" fmla="*/ 533543 h 533542"/>
                  <a:gd name="connsiteX3" fmla="*/ 739140 w 742953"/>
                  <a:gd name="connsiteY3" fmla="*/ 255337 h 533542"/>
                  <a:gd name="connsiteX4" fmla="*/ 720934 w 742953"/>
                  <a:gd name="connsiteY4" fmla="*/ 203638 h 533542"/>
                  <a:gd name="connsiteX5" fmla="*/ 708660 w 742953"/>
                  <a:gd name="connsiteY5" fmla="*/ 200092 h 533542"/>
                  <a:gd name="connsiteX6" fmla="*/ 666750 w 742953"/>
                  <a:gd name="connsiteY6" fmla="*/ 200092 h 533542"/>
                  <a:gd name="connsiteX7" fmla="*/ 666750 w 742953"/>
                  <a:gd name="connsiteY7" fmla="*/ 114367 h 533542"/>
                  <a:gd name="connsiteX8" fmla="*/ 628650 w 742953"/>
                  <a:gd name="connsiteY8" fmla="*/ 76267 h 533542"/>
                  <a:gd name="connsiteX9" fmla="*/ 345567 w 742953"/>
                  <a:gd name="connsiteY9" fmla="*/ 76267 h 533542"/>
                  <a:gd name="connsiteX10" fmla="*/ 340709 w 742953"/>
                  <a:gd name="connsiteY10" fmla="*/ 74800 h 533542"/>
                  <a:gd name="connsiteX11" fmla="*/ 238125 w 742953"/>
                  <a:gd name="connsiteY11" fmla="*/ 6667 h 533542"/>
                  <a:gd name="connsiteX12" fmla="*/ 217170 w 742953"/>
                  <a:gd name="connsiteY12" fmla="*/ 0 h 533542"/>
                  <a:gd name="connsiteX13" fmla="*/ 38100 w 742953"/>
                  <a:gd name="connsiteY13" fmla="*/ 0 h 533542"/>
                  <a:gd name="connsiteX14" fmla="*/ 0 w 742953"/>
                  <a:gd name="connsiteY14" fmla="*/ 38100 h 533542"/>
                  <a:gd name="connsiteX15" fmla="*/ 0 w 742953"/>
                  <a:gd name="connsiteY15" fmla="*/ 514293 h 533542"/>
                  <a:gd name="connsiteX16" fmla="*/ 18450 w 742953"/>
                  <a:gd name="connsiteY16" fmla="*/ 533286 h 533542"/>
                  <a:gd name="connsiteX17" fmla="*/ 707641 w 742953"/>
                  <a:gd name="connsiteY17" fmla="*/ 219123 h 533542"/>
                  <a:gd name="connsiteX18" fmla="*/ 723638 w 742953"/>
                  <a:gd name="connsiteY18" fmla="*/ 242026 h 533542"/>
                  <a:gd name="connsiteX19" fmla="*/ 722138 w 742953"/>
                  <a:gd name="connsiteY19" fmla="*/ 246821 h 533542"/>
                  <a:gd name="connsiteX20" fmla="*/ 722014 w 742953"/>
                  <a:gd name="connsiteY20" fmla="*/ 247059 h 533542"/>
                  <a:gd name="connsiteX21" fmla="*/ 721909 w 742953"/>
                  <a:gd name="connsiteY21" fmla="*/ 247298 h 533542"/>
                  <a:gd name="connsiteX22" fmla="*/ 597513 w 742953"/>
                  <a:gd name="connsiteY22" fmla="*/ 514436 h 533542"/>
                  <a:gd name="connsiteX23" fmla="*/ 597427 w 742953"/>
                  <a:gd name="connsiteY23" fmla="*/ 514493 h 533542"/>
                  <a:gd name="connsiteX24" fmla="*/ 39053 w 742953"/>
                  <a:gd name="connsiteY24" fmla="*/ 514493 h 533542"/>
                  <a:gd name="connsiteX25" fmla="*/ 38959 w 742953"/>
                  <a:gd name="connsiteY25" fmla="*/ 514396 h 533542"/>
                  <a:gd name="connsiteX26" fmla="*/ 38967 w 742953"/>
                  <a:gd name="connsiteY26" fmla="*/ 514360 h 533542"/>
                  <a:gd name="connsiteX27" fmla="*/ 156496 w 742953"/>
                  <a:gd name="connsiteY27" fmla="*/ 228724 h 533542"/>
                  <a:gd name="connsiteX28" fmla="*/ 171450 w 742953"/>
                  <a:gd name="connsiteY28" fmla="*/ 219123 h 533542"/>
                  <a:gd name="connsiteX29" fmla="*/ 19050 w 742953"/>
                  <a:gd name="connsiteY29" fmla="*/ 38100 h 533542"/>
                  <a:gd name="connsiteX30" fmla="*/ 38100 w 742953"/>
                  <a:gd name="connsiteY30" fmla="*/ 19050 h 533542"/>
                  <a:gd name="connsiteX31" fmla="*/ 217170 w 742953"/>
                  <a:gd name="connsiteY31" fmla="*/ 19050 h 533542"/>
                  <a:gd name="connsiteX32" fmla="*/ 228152 w 742953"/>
                  <a:gd name="connsiteY32" fmla="*/ 22908 h 533542"/>
                  <a:gd name="connsiteX33" fmla="*/ 330165 w 742953"/>
                  <a:gd name="connsiteY33" fmla="*/ 90621 h 533542"/>
                  <a:gd name="connsiteX34" fmla="*/ 345567 w 742953"/>
                  <a:gd name="connsiteY34" fmla="*/ 95269 h 533542"/>
                  <a:gd name="connsiteX35" fmla="*/ 628650 w 742953"/>
                  <a:gd name="connsiteY35" fmla="*/ 95269 h 533542"/>
                  <a:gd name="connsiteX36" fmla="*/ 647700 w 742953"/>
                  <a:gd name="connsiteY36" fmla="*/ 114319 h 533542"/>
                  <a:gd name="connsiteX37" fmla="*/ 647700 w 742953"/>
                  <a:gd name="connsiteY37" fmla="*/ 199968 h 533542"/>
                  <a:gd name="connsiteX38" fmla="*/ 180975 w 742953"/>
                  <a:gd name="connsiteY38" fmla="*/ 199968 h 533542"/>
                  <a:gd name="connsiteX39" fmla="*/ 179489 w 742953"/>
                  <a:gd name="connsiteY39" fmla="*/ 200073 h 533542"/>
                  <a:gd name="connsiteX40" fmla="*/ 171450 w 742953"/>
                  <a:gd name="connsiteY40" fmla="*/ 200073 h 533542"/>
                  <a:gd name="connsiteX41" fmla="*/ 139065 w 742953"/>
                  <a:gd name="connsiteY41" fmla="*/ 221028 h 533542"/>
                  <a:gd name="connsiteX42" fmla="*/ 19231 w 742953"/>
                  <a:gd name="connsiteY42" fmla="*/ 512245 h 533542"/>
                  <a:gd name="connsiteX43" fmla="*/ 19111 w 742953"/>
                  <a:gd name="connsiteY43" fmla="*/ 512306 h 533542"/>
                  <a:gd name="connsiteX44" fmla="*/ 19050 w 742953"/>
                  <a:gd name="connsiteY44" fmla="*/ 512245 h 5335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</a:cxnLst>
                <a:rect l="l" t="t" r="r" b="b"/>
                <a:pathLst>
                  <a:path w="742953" h="533542">
                    <a:moveTo>
                      <a:pt x="18450" y="533286"/>
                    </a:moveTo>
                    <a:cubicBezTo>
                      <a:pt x="18784" y="533402"/>
                      <a:pt x="19129" y="533488"/>
                      <a:pt x="19479" y="533543"/>
                    </a:cubicBezTo>
                    <a:lnTo>
                      <a:pt x="609600" y="533543"/>
                    </a:lnTo>
                    <a:lnTo>
                      <a:pt x="739140" y="255337"/>
                    </a:lnTo>
                    <a:cubicBezTo>
                      <a:pt x="748389" y="236033"/>
                      <a:pt x="740238" y="212887"/>
                      <a:pt x="720934" y="203638"/>
                    </a:cubicBezTo>
                    <a:cubicBezTo>
                      <a:pt x="717067" y="201785"/>
                      <a:pt x="712920" y="200586"/>
                      <a:pt x="708660" y="200092"/>
                    </a:cubicBezTo>
                    <a:lnTo>
                      <a:pt x="666750" y="200092"/>
                    </a:lnTo>
                    <a:lnTo>
                      <a:pt x="666750" y="114367"/>
                    </a:lnTo>
                    <a:cubicBezTo>
                      <a:pt x="666687" y="93351"/>
                      <a:pt x="649666" y="76330"/>
                      <a:pt x="628650" y="76267"/>
                    </a:cubicBezTo>
                    <a:lnTo>
                      <a:pt x="345567" y="76267"/>
                    </a:lnTo>
                    <a:cubicBezTo>
                      <a:pt x="343839" y="76264"/>
                      <a:pt x="342149" y="75754"/>
                      <a:pt x="340709" y="74800"/>
                    </a:cubicBezTo>
                    <a:lnTo>
                      <a:pt x="238125" y="6667"/>
                    </a:lnTo>
                    <a:cubicBezTo>
                      <a:pt x="231859" y="2617"/>
                      <a:pt x="224624" y="315"/>
                      <a:pt x="217170" y="0"/>
                    </a:cubicBezTo>
                    <a:lnTo>
                      <a:pt x="38100" y="0"/>
                    </a:lnTo>
                    <a:cubicBezTo>
                      <a:pt x="17084" y="63"/>
                      <a:pt x="63" y="17084"/>
                      <a:pt x="0" y="38100"/>
                    </a:cubicBezTo>
                    <a:lnTo>
                      <a:pt x="0" y="514293"/>
                    </a:lnTo>
                    <a:cubicBezTo>
                      <a:pt x="26" y="524562"/>
                      <a:pt x="8186" y="532962"/>
                      <a:pt x="18450" y="533286"/>
                    </a:cubicBezTo>
                    <a:close/>
                    <a:moveTo>
                      <a:pt x="707641" y="219123"/>
                    </a:moveTo>
                    <a:cubicBezTo>
                      <a:pt x="718383" y="221030"/>
                      <a:pt x="725545" y="231284"/>
                      <a:pt x="723638" y="242026"/>
                    </a:cubicBezTo>
                    <a:cubicBezTo>
                      <a:pt x="723344" y="243682"/>
                      <a:pt x="722840" y="245294"/>
                      <a:pt x="722138" y="246821"/>
                    </a:cubicBezTo>
                    <a:lnTo>
                      <a:pt x="722014" y="247059"/>
                    </a:lnTo>
                    <a:lnTo>
                      <a:pt x="721909" y="247298"/>
                    </a:lnTo>
                    <a:lnTo>
                      <a:pt x="597513" y="514436"/>
                    </a:lnTo>
                    <a:lnTo>
                      <a:pt x="597427" y="514493"/>
                    </a:lnTo>
                    <a:lnTo>
                      <a:pt x="39053" y="514493"/>
                    </a:lnTo>
                    <a:cubicBezTo>
                      <a:pt x="39000" y="514492"/>
                      <a:pt x="38958" y="514449"/>
                      <a:pt x="38959" y="514396"/>
                    </a:cubicBezTo>
                    <a:cubicBezTo>
                      <a:pt x="38959" y="514383"/>
                      <a:pt x="38962" y="514371"/>
                      <a:pt x="38967" y="514360"/>
                    </a:cubicBezTo>
                    <a:lnTo>
                      <a:pt x="156496" y="228724"/>
                    </a:lnTo>
                    <a:cubicBezTo>
                      <a:pt x="159242" y="222934"/>
                      <a:pt x="165043" y="219209"/>
                      <a:pt x="171450" y="219123"/>
                    </a:cubicBezTo>
                    <a:close/>
                    <a:moveTo>
                      <a:pt x="19050" y="38100"/>
                    </a:moveTo>
                    <a:cubicBezTo>
                      <a:pt x="19050" y="27579"/>
                      <a:pt x="27579" y="19050"/>
                      <a:pt x="38100" y="19050"/>
                    </a:cubicBezTo>
                    <a:lnTo>
                      <a:pt x="217170" y="19050"/>
                    </a:lnTo>
                    <a:cubicBezTo>
                      <a:pt x="221100" y="19377"/>
                      <a:pt x="224881" y="20704"/>
                      <a:pt x="228152" y="22908"/>
                    </a:cubicBezTo>
                    <a:lnTo>
                      <a:pt x="330165" y="90621"/>
                    </a:lnTo>
                    <a:cubicBezTo>
                      <a:pt x="334730" y="93651"/>
                      <a:pt x="340087" y="95268"/>
                      <a:pt x="345567" y="95269"/>
                    </a:cubicBezTo>
                    <a:lnTo>
                      <a:pt x="628650" y="95269"/>
                    </a:lnTo>
                    <a:cubicBezTo>
                      <a:pt x="639171" y="95269"/>
                      <a:pt x="647700" y="103798"/>
                      <a:pt x="647700" y="114319"/>
                    </a:cubicBezTo>
                    <a:lnTo>
                      <a:pt x="647700" y="199968"/>
                    </a:lnTo>
                    <a:lnTo>
                      <a:pt x="180975" y="199968"/>
                    </a:lnTo>
                    <a:cubicBezTo>
                      <a:pt x="180470" y="199968"/>
                      <a:pt x="180023" y="200054"/>
                      <a:pt x="179489" y="200073"/>
                    </a:cubicBezTo>
                    <a:lnTo>
                      <a:pt x="171450" y="200073"/>
                    </a:lnTo>
                    <a:cubicBezTo>
                      <a:pt x="157491" y="200141"/>
                      <a:pt x="144848" y="208323"/>
                      <a:pt x="139065" y="221028"/>
                    </a:cubicBezTo>
                    <a:lnTo>
                      <a:pt x="19231" y="512245"/>
                    </a:lnTo>
                    <a:cubicBezTo>
                      <a:pt x="19215" y="512295"/>
                      <a:pt x="19160" y="512322"/>
                      <a:pt x="19111" y="512306"/>
                    </a:cubicBezTo>
                    <a:cubicBezTo>
                      <a:pt x="19082" y="512296"/>
                      <a:pt x="19060" y="512274"/>
                      <a:pt x="19050" y="512245"/>
                    </a:cubicBezTo>
                    <a:close/>
                  </a:path>
                </a:pathLst>
              </a:custGeom>
              <a:solidFill>
                <a:srgbClr val="000000"/>
              </a:solidFill>
              <a:ln w="9525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en-US" sz="1100"/>
              </a:p>
            </p:txBody>
          </p:sp>
        </p:grpSp>
      </p:grpSp>
      <p:sp>
        <p:nvSpPr>
          <p:cNvPr id="76" name="Arrow: Right 75">
            <a:extLst>
              <a:ext uri="{FF2B5EF4-FFF2-40B4-BE49-F238E27FC236}">
                <a16:creationId xmlns:a16="http://schemas.microsoft.com/office/drawing/2014/main" id="{AADDCEF5-BDA4-53DD-8041-FD090F1EAF84}"/>
              </a:ext>
            </a:extLst>
          </p:cNvPr>
          <p:cNvSpPr/>
          <p:nvPr/>
        </p:nvSpPr>
        <p:spPr bwMode="auto">
          <a:xfrm>
            <a:off x="1081769" y="2311545"/>
            <a:ext cx="377191" cy="203939"/>
          </a:xfrm>
          <a:prstGeom prst="rightArrow">
            <a:avLst/>
          </a:prstGeom>
          <a:noFill/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sz="1100" dirty="0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B8D9E182-2939-474C-84D2-5D31ACDDFE57}"/>
              </a:ext>
            </a:extLst>
          </p:cNvPr>
          <p:cNvSpPr txBox="1"/>
          <p:nvPr/>
        </p:nvSpPr>
        <p:spPr>
          <a:xfrm>
            <a:off x="1058743" y="2867509"/>
            <a:ext cx="306989" cy="241980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fpt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1" name="TextBox 80">
            <a:extLst>
              <a:ext uri="{FF2B5EF4-FFF2-40B4-BE49-F238E27FC236}">
                <a16:creationId xmlns:a16="http://schemas.microsoft.com/office/drawing/2014/main" id="{74AE9406-9785-037A-2056-F89DEDF0E4BD}"/>
              </a:ext>
            </a:extLst>
          </p:cNvPr>
          <p:cNvSpPr txBox="1"/>
          <p:nvPr/>
        </p:nvSpPr>
        <p:spPr>
          <a:xfrm>
            <a:off x="1725147" y="2867509"/>
            <a:ext cx="734350" cy="580534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tandards</a:t>
            </a:r>
            <a:b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tored in</a:t>
            </a:r>
            <a:b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file maps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cxnSp>
        <p:nvCxnSpPr>
          <p:cNvPr id="88" name="Straight Arrow Connector 87">
            <a:extLst>
              <a:ext uri="{FF2B5EF4-FFF2-40B4-BE49-F238E27FC236}">
                <a16:creationId xmlns:a16="http://schemas.microsoft.com/office/drawing/2014/main" id="{37D2310D-81A0-190A-42C4-6F949C1456B8}"/>
              </a:ext>
            </a:extLst>
          </p:cNvPr>
          <p:cNvCxnSpPr>
            <a:cxnSpLocks/>
            <a:endCxn id="25" idx="1"/>
          </p:cNvCxnSpPr>
          <p:nvPr/>
        </p:nvCxnSpPr>
        <p:spPr bwMode="auto">
          <a:xfrm>
            <a:off x="2435655" y="2384344"/>
            <a:ext cx="777152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triangle"/>
          </a:ln>
          <a:effectLst/>
        </p:spPr>
      </p:cxnSp>
      <p:sp>
        <p:nvSpPr>
          <p:cNvPr id="98" name="TextBox 97">
            <a:extLst>
              <a:ext uri="{FF2B5EF4-FFF2-40B4-BE49-F238E27FC236}">
                <a16:creationId xmlns:a16="http://schemas.microsoft.com/office/drawing/2014/main" id="{B22799DA-57E9-3C98-E1ED-773D8B2CC068}"/>
              </a:ext>
            </a:extLst>
          </p:cNvPr>
          <p:cNvSpPr txBox="1"/>
          <p:nvPr/>
        </p:nvSpPr>
        <p:spPr>
          <a:xfrm>
            <a:off x="2589941" y="2439892"/>
            <a:ext cx="404452" cy="241980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filter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cxnSp>
        <p:nvCxnSpPr>
          <p:cNvPr id="99" name="Straight Arrow Connector 98">
            <a:extLst>
              <a:ext uri="{FF2B5EF4-FFF2-40B4-BE49-F238E27FC236}">
                <a16:creationId xmlns:a16="http://schemas.microsoft.com/office/drawing/2014/main" id="{653E8484-6194-8E8F-C8E4-1FF06A8B280F}"/>
              </a:ext>
            </a:extLst>
          </p:cNvPr>
          <p:cNvCxnSpPr>
            <a:cxnSpLocks/>
            <a:stCxn id="25" idx="3"/>
            <a:endCxn id="34" idx="1"/>
          </p:cNvCxnSpPr>
          <p:nvPr/>
        </p:nvCxnSpPr>
        <p:spPr bwMode="auto">
          <a:xfrm>
            <a:off x="3761447" y="2394121"/>
            <a:ext cx="474186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12" name="TextBox 111">
            <a:extLst>
              <a:ext uri="{FF2B5EF4-FFF2-40B4-BE49-F238E27FC236}">
                <a16:creationId xmlns:a16="http://schemas.microsoft.com/office/drawing/2014/main" id="{366D4BD6-E4BF-8F16-8C28-1C4461813606}"/>
              </a:ext>
            </a:extLst>
          </p:cNvPr>
          <p:cNvSpPr txBox="1"/>
          <p:nvPr/>
        </p:nvSpPr>
        <p:spPr>
          <a:xfrm>
            <a:off x="3990402" y="2703733"/>
            <a:ext cx="962618" cy="411257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ections.xlsx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(NR excluded)</a:t>
            </a:r>
          </a:p>
        </p:txBody>
      </p:sp>
      <p:pic>
        <p:nvPicPr>
          <p:cNvPr id="34" name="Graphic 33" descr="Document outline">
            <a:extLst>
              <a:ext uri="{FF2B5EF4-FFF2-40B4-BE49-F238E27FC236}">
                <a16:creationId xmlns:a16="http://schemas.microsoft.com/office/drawing/2014/main" id="{5E8A7CCC-517F-EA70-A8AE-8A1C6525BB2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4235633" y="2119801"/>
            <a:ext cx="548640" cy="548640"/>
          </a:xfrm>
          <a:prstGeom prst="rect">
            <a:avLst/>
          </a:prstGeom>
        </p:spPr>
      </p:pic>
      <p:pic>
        <p:nvPicPr>
          <p:cNvPr id="74" name="Graphic 73" descr="Document outline">
            <a:extLst>
              <a:ext uri="{FF2B5EF4-FFF2-40B4-BE49-F238E27FC236}">
                <a16:creationId xmlns:a16="http://schemas.microsoft.com/office/drawing/2014/main" id="{24DCBA6A-E2DF-6075-63CB-BA4F0DF00911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1334778" y="3508763"/>
            <a:ext cx="548640" cy="548640"/>
          </a:xfrm>
          <a:prstGeom prst="rect">
            <a:avLst/>
          </a:prstGeom>
        </p:spPr>
      </p:pic>
      <p:pic>
        <p:nvPicPr>
          <p:cNvPr id="82" name="Graphic 81" descr="Document outline">
            <a:extLst>
              <a:ext uri="{FF2B5EF4-FFF2-40B4-BE49-F238E27FC236}">
                <a16:creationId xmlns:a16="http://schemas.microsoft.com/office/drawing/2014/main" id="{381F8075-1B5C-98D9-6F46-042DBC1CF6D8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5258459" y="2119801"/>
            <a:ext cx="548640" cy="548640"/>
          </a:xfrm>
          <a:prstGeom prst="rect">
            <a:avLst/>
          </a:prstGeom>
        </p:spPr>
      </p:pic>
      <p:sp>
        <p:nvSpPr>
          <p:cNvPr id="100" name="TextBox 99">
            <a:extLst>
              <a:ext uri="{FF2B5EF4-FFF2-40B4-BE49-F238E27FC236}">
                <a16:creationId xmlns:a16="http://schemas.microsoft.com/office/drawing/2014/main" id="{506E04CB-FC51-F07C-CC24-A08CFA786424}"/>
              </a:ext>
            </a:extLst>
          </p:cNvPr>
          <p:cNvSpPr txBox="1"/>
          <p:nvPr/>
        </p:nvSpPr>
        <p:spPr>
          <a:xfrm>
            <a:off x="5190791" y="2703733"/>
            <a:ext cx="633360" cy="580534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lean_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ections.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xlsx</a:t>
            </a:r>
          </a:p>
        </p:txBody>
      </p:sp>
      <p:sp>
        <p:nvSpPr>
          <p:cNvPr id="101" name="TextBox 100">
            <a:extLst>
              <a:ext uri="{FF2B5EF4-FFF2-40B4-BE49-F238E27FC236}">
                <a16:creationId xmlns:a16="http://schemas.microsoft.com/office/drawing/2014/main" id="{3DA832CA-7614-64E0-2BFB-6E19C01820B1}"/>
              </a:ext>
            </a:extLst>
          </p:cNvPr>
          <p:cNvSpPr txBox="1"/>
          <p:nvPr/>
        </p:nvSpPr>
        <p:spPr>
          <a:xfrm>
            <a:off x="11224134" y="4092695"/>
            <a:ext cx="769936" cy="411257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New_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-reqs.xlsx</a:t>
            </a:r>
          </a:p>
        </p:txBody>
      </p:sp>
      <p:sp>
        <p:nvSpPr>
          <p:cNvPr id="107" name="TextBox 106">
            <a:extLst>
              <a:ext uri="{FF2B5EF4-FFF2-40B4-BE49-F238E27FC236}">
                <a16:creationId xmlns:a16="http://schemas.microsoft.com/office/drawing/2014/main" id="{F1D888BC-D60C-8F93-3625-48E8BB9C5253}"/>
              </a:ext>
            </a:extLst>
          </p:cNvPr>
          <p:cNvSpPr txBox="1"/>
          <p:nvPr/>
        </p:nvSpPr>
        <p:spPr>
          <a:xfrm>
            <a:off x="1948122" y="2562708"/>
            <a:ext cx="413749" cy="211203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9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3GPP</a:t>
            </a:r>
            <a:endParaRPr kumimoji="0" lang="en-US" sz="9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3" name="TextBox 112">
            <a:extLst>
              <a:ext uri="{FF2B5EF4-FFF2-40B4-BE49-F238E27FC236}">
                <a16:creationId xmlns:a16="http://schemas.microsoft.com/office/drawing/2014/main" id="{43525CE3-392C-E387-63D8-4C2BE1469680}"/>
              </a:ext>
            </a:extLst>
          </p:cNvPr>
          <p:cNvSpPr txBox="1"/>
          <p:nvPr/>
        </p:nvSpPr>
        <p:spPr>
          <a:xfrm>
            <a:off x="4836382" y="4667818"/>
            <a:ext cx="404452" cy="241980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filter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15" name="Graphic 114" descr="Document outline">
            <a:extLst>
              <a:ext uri="{FF2B5EF4-FFF2-40B4-BE49-F238E27FC236}">
                <a16:creationId xmlns:a16="http://schemas.microsoft.com/office/drawing/2014/main" id="{015541F2-F8B0-F501-B64E-EB636ADA779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5477462" y="4345161"/>
            <a:ext cx="548640" cy="548640"/>
          </a:xfrm>
          <a:prstGeom prst="rect">
            <a:avLst/>
          </a:prstGeom>
        </p:spPr>
      </p:pic>
      <p:sp>
        <p:nvSpPr>
          <p:cNvPr id="119" name="Oval 118">
            <a:extLst>
              <a:ext uri="{FF2B5EF4-FFF2-40B4-BE49-F238E27FC236}">
                <a16:creationId xmlns:a16="http://schemas.microsoft.com/office/drawing/2014/main" id="{74CFF832-2801-6322-022D-01AC093E4873}"/>
              </a:ext>
            </a:extLst>
          </p:cNvPr>
          <p:cNvSpPr/>
          <p:nvPr/>
        </p:nvSpPr>
        <p:spPr bwMode="auto">
          <a:xfrm>
            <a:off x="6591735" y="3910912"/>
            <a:ext cx="72000" cy="72000"/>
          </a:xfrm>
          <a:prstGeom prst="ellipse">
            <a:avLst/>
          </a:prstGeom>
          <a:solidFill>
            <a:schemeClr val="bg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FFFF"/>
              </a:solidFill>
              <a:latin typeface="+mn-lt"/>
            </a:endParaRPr>
          </a:p>
        </p:txBody>
      </p:sp>
      <p:cxnSp>
        <p:nvCxnSpPr>
          <p:cNvPr id="120" name="Straight Arrow Connector 119">
            <a:extLst>
              <a:ext uri="{FF2B5EF4-FFF2-40B4-BE49-F238E27FC236}">
                <a16:creationId xmlns:a16="http://schemas.microsoft.com/office/drawing/2014/main" id="{73602873-FF17-C450-FF14-3131371B5FAC}"/>
              </a:ext>
            </a:extLst>
          </p:cNvPr>
          <p:cNvCxnSpPr>
            <a:cxnSpLocks/>
            <a:stCxn id="115" idx="3"/>
            <a:endCxn id="119" idx="2"/>
          </p:cNvCxnSpPr>
          <p:nvPr/>
        </p:nvCxnSpPr>
        <p:spPr bwMode="auto">
          <a:xfrm flipV="1">
            <a:off x="6026102" y="3946912"/>
            <a:ext cx="565633" cy="672569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triangle"/>
          </a:ln>
          <a:effectLst/>
        </p:spPr>
      </p:cxnSp>
      <p:cxnSp>
        <p:nvCxnSpPr>
          <p:cNvPr id="121" name="Straight Arrow Connector 120">
            <a:extLst>
              <a:ext uri="{FF2B5EF4-FFF2-40B4-BE49-F238E27FC236}">
                <a16:creationId xmlns:a16="http://schemas.microsoft.com/office/drawing/2014/main" id="{13FB5578-ACAA-BEB5-7EE7-1BE62F8CEF5A}"/>
              </a:ext>
            </a:extLst>
          </p:cNvPr>
          <p:cNvCxnSpPr>
            <a:cxnSpLocks/>
          </p:cNvCxnSpPr>
          <p:nvPr/>
        </p:nvCxnSpPr>
        <p:spPr bwMode="auto">
          <a:xfrm>
            <a:off x="10309001" y="3908939"/>
            <a:ext cx="88521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triangle"/>
          </a:ln>
          <a:effectLst/>
        </p:spPr>
      </p:cxnSp>
      <p:pic>
        <p:nvPicPr>
          <p:cNvPr id="146" name="Graphic 145" descr="Brain outline">
            <a:extLst>
              <a:ext uri="{FF2B5EF4-FFF2-40B4-BE49-F238E27FC236}">
                <a16:creationId xmlns:a16="http://schemas.microsoft.com/office/drawing/2014/main" id="{712ED088-3824-A36A-2CA0-459AC44974C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6793320" y="3636592"/>
            <a:ext cx="548640" cy="548640"/>
          </a:xfrm>
          <a:prstGeom prst="rect">
            <a:avLst/>
          </a:prstGeom>
        </p:spPr>
      </p:pic>
      <p:pic>
        <p:nvPicPr>
          <p:cNvPr id="38" name="Graphic 37" descr="Brain outline">
            <a:extLst>
              <a:ext uri="{FF2B5EF4-FFF2-40B4-BE49-F238E27FC236}">
                <a16:creationId xmlns:a16="http://schemas.microsoft.com/office/drawing/2014/main" id="{49A2E3A7-F5D9-59FF-DA78-EBE9E24A230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453131" y="3234443"/>
            <a:ext cx="548640" cy="548640"/>
          </a:xfrm>
          <a:prstGeom prst="rect">
            <a:avLst/>
          </a:prstGeom>
        </p:spPr>
      </p:pic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EDC5D4AE-6DA5-6301-A840-6C223BA6CC31}"/>
              </a:ext>
            </a:extLst>
          </p:cNvPr>
          <p:cNvCxnSpPr>
            <a:cxnSpLocks/>
          </p:cNvCxnSpPr>
          <p:nvPr/>
        </p:nvCxnSpPr>
        <p:spPr bwMode="auto">
          <a:xfrm>
            <a:off x="7419461" y="3833590"/>
            <a:ext cx="2002617" cy="11394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2281623B-2CB4-2544-2842-E4897D768DBD}"/>
              </a:ext>
            </a:extLst>
          </p:cNvPr>
          <p:cNvCxnSpPr/>
          <p:nvPr/>
        </p:nvCxnSpPr>
        <p:spPr bwMode="auto">
          <a:xfrm>
            <a:off x="7883365" y="3636592"/>
            <a:ext cx="0" cy="34632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D518A9B4-9DC1-7B04-837A-0BD2606A8B86}"/>
              </a:ext>
            </a:extLst>
          </p:cNvPr>
          <p:cNvCxnSpPr/>
          <p:nvPr/>
        </p:nvCxnSpPr>
        <p:spPr bwMode="auto">
          <a:xfrm>
            <a:off x="8528180" y="3636592"/>
            <a:ext cx="0" cy="34632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5E909CE8-0F0D-33FB-32FF-B24AA600EB75}"/>
              </a:ext>
            </a:extLst>
          </p:cNvPr>
          <p:cNvSpPr txBox="1"/>
          <p:nvPr/>
        </p:nvSpPr>
        <p:spPr>
          <a:xfrm>
            <a:off x="7441339" y="3890096"/>
            <a:ext cx="459595" cy="241980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T-req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0D6EEE1D-5DB4-CDBF-D5F0-7652943F808E}"/>
              </a:ext>
            </a:extLst>
          </p:cNvPr>
          <p:cNvSpPr txBox="1"/>
          <p:nvPr/>
        </p:nvSpPr>
        <p:spPr>
          <a:xfrm>
            <a:off x="7990741" y="3886505"/>
            <a:ext cx="482678" cy="411257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Weak</a:t>
            </a:r>
            <a:b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T-req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A4462AE1-9C6C-813C-6C49-A5492D9F650D}"/>
              </a:ext>
            </a:extLst>
          </p:cNvPr>
          <p:cNvSpPr txBox="1"/>
          <p:nvPr/>
        </p:nvSpPr>
        <p:spPr>
          <a:xfrm>
            <a:off x="8620135" y="3896971"/>
            <a:ext cx="591682" cy="411257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Missing</a:t>
            </a:r>
            <a:b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T-req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9CC2BA63-5560-B6E3-336F-B860CFC21CB2}"/>
              </a:ext>
            </a:extLst>
          </p:cNvPr>
          <p:cNvCxnSpPr/>
          <p:nvPr/>
        </p:nvCxnSpPr>
        <p:spPr bwMode="auto">
          <a:xfrm>
            <a:off x="7414331" y="3655822"/>
            <a:ext cx="0" cy="34632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pic>
        <p:nvPicPr>
          <p:cNvPr id="43" name="Graphic 42" descr="Document outline">
            <a:extLst>
              <a:ext uri="{FF2B5EF4-FFF2-40B4-BE49-F238E27FC236}">
                <a16:creationId xmlns:a16="http://schemas.microsoft.com/office/drawing/2014/main" id="{24096B3E-B549-C9F5-0EF1-C0D6781685F4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9686389" y="3544055"/>
            <a:ext cx="548640" cy="548640"/>
          </a:xfrm>
          <a:prstGeom prst="rect">
            <a:avLst/>
          </a:prstGeom>
        </p:spPr>
      </p:pic>
      <p:sp>
        <p:nvSpPr>
          <p:cNvPr id="44" name="TextBox 43">
            <a:extLst>
              <a:ext uri="{FF2B5EF4-FFF2-40B4-BE49-F238E27FC236}">
                <a16:creationId xmlns:a16="http://schemas.microsoft.com/office/drawing/2014/main" id="{8B8979CF-5484-04AF-60B0-75D3AA05A268}"/>
              </a:ext>
            </a:extLst>
          </p:cNvPr>
          <p:cNvSpPr txBox="1"/>
          <p:nvPr/>
        </p:nvSpPr>
        <p:spPr>
          <a:xfrm>
            <a:off x="9601083" y="4083817"/>
            <a:ext cx="769936" cy="919089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algn="ctr" rtl="0" fontAlgn="base">
              <a:spcBef>
                <a:spcPts val="800"/>
              </a:spcBef>
              <a:spcAft>
                <a:spcPct val="0"/>
              </a:spcAft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issing_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-reqs.xlsx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- Signaling</a:t>
            </a:r>
            <a:b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</a:b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- </a:t>
            </a:r>
            <a:r>
              <a:rPr kumimoji="0" lang="en-US" sz="1100" b="0" i="0" u="none" strike="noStrike" kern="1000" cap="none" spc="-30" normalizeH="0" baseline="0" noProof="0" dirty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aylo</a:t>
            </a: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ad</a:t>
            </a:r>
            <a:b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</a:b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- C/C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9F454A3B-6F4A-E6C2-8727-8F2E235A04BB}"/>
              </a:ext>
            </a:extLst>
          </p:cNvPr>
          <p:cNvSpPr txBox="1"/>
          <p:nvPr/>
        </p:nvSpPr>
        <p:spPr>
          <a:xfrm>
            <a:off x="8772535" y="5523065"/>
            <a:ext cx="1972188" cy="241980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C/C = Configuration/Calculation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175591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661701761374254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,{"propertyName":"DocNoVisible","propertyValue":"{{Form.DocNo.ShowDocNo}}","disableUpdates":false,"type":"customDocumentProperty"}],"templateName":"","templateDescription":"","enableDocumentContentUpdater":true,"version":"1.9"}]]></Templafy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dataSource":"PPT FooterVisibility","displayColumn":"showDocNo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No","label":"Show document number in footer?","fullyQualifiedName":"Doc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(Overwritten with EriDoc values at check-in)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YgLS3DM2zQyItyfG30KqHEtqvoXnOWmzWgAxBv4MJ50="},{"name":"ConfidentialityClass","value":"5wlu7ZdPxHQj1W0w+yTNSg=="},{"name":"LanguageCode","value":"5wlu7ZdPxHQj1W0w+yTNSg=="},{"name":"Revision","value":"6m1d9LG9UzmvsTZWoE7bdw=="},{"name":"Date","value":"ubxKJUszLaYIMdkNui/IMg=="},{"name":"TemplateType","value":"5wlu7ZdPxHQj1W0w+yTNSg=="},{"name":"DocTitle","value":"5wlu7ZdPxHQj1W0w+yTNSg=="},{"name":"TotalPageNo","value":"5wlu7ZdPxHQj1W0w+yTNSg=="},{"name":"DocNo","value":"5wlu7ZdPxHQj1W0w+yTNSg=="},{"name":"Prepared","value":"7vPObn1bJVzUHJV6mC2E/MjW4zEXhqvAtgy540SFK5k="}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661701760905467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C09F197C-6A49-47D0-B877-F88807989676}">
  <ds:schemaRefs/>
</ds:datastoreItem>
</file>

<file path=customXml/itemProps10.xml><?xml version="1.0" encoding="utf-8"?>
<ds:datastoreItem xmlns:ds="http://schemas.openxmlformats.org/officeDocument/2006/customXml" ds:itemID="{822D38AD-8010-4CD3-BD6B-117CB8DF70A4}">
  <ds:schemaRefs/>
</ds:datastoreItem>
</file>

<file path=customXml/itemProps11.xml><?xml version="1.0" encoding="utf-8"?>
<ds:datastoreItem xmlns:ds="http://schemas.openxmlformats.org/officeDocument/2006/customXml" ds:itemID="{683FEB75-8CFA-449C-A6B1-B1E4A86A58A1}">
  <ds:schemaRefs/>
</ds:datastoreItem>
</file>

<file path=customXml/itemProps12.xml><?xml version="1.0" encoding="utf-8"?>
<ds:datastoreItem xmlns:ds="http://schemas.openxmlformats.org/officeDocument/2006/customXml" ds:itemID="{7ED06860-885D-4B66-A90C-6573AA7C479E}">
  <ds:schemaRefs/>
</ds:datastoreItem>
</file>

<file path=customXml/itemProps13.xml><?xml version="1.0" encoding="utf-8"?>
<ds:datastoreItem xmlns:ds="http://schemas.openxmlformats.org/officeDocument/2006/customXml" ds:itemID="{24365F13-FC03-4447-9974-6CFC4225D780}">
  <ds:schemaRefs/>
</ds:datastoreItem>
</file>

<file path=customXml/itemProps14.xml><?xml version="1.0" encoding="utf-8"?>
<ds:datastoreItem xmlns:ds="http://schemas.openxmlformats.org/officeDocument/2006/customXml" ds:itemID="{1CE36EA9-2186-4EB1-871A-8AE59C2A13BB}">
  <ds:schemaRefs/>
</ds:datastoreItem>
</file>

<file path=customXml/itemProps15.xml><?xml version="1.0" encoding="utf-8"?>
<ds:datastoreItem xmlns:ds="http://schemas.openxmlformats.org/officeDocument/2006/customXml" ds:itemID="{58CC0B31-82B9-497A-9A2E-F3F72D0BBDAD}">
  <ds:schemaRefs/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3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D92C3DF5-A179-4E2D-BD20-07044B39171F}">
  <ds:schemaRefs/>
</ds:datastoreItem>
</file>

<file path=customXml/itemProps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56F2EE69-0CCA-4F48-BE22-EC4A886C57A7}">
  <ds:schemaRefs>
    <ds:schemaRef ds:uri="http://schemas.microsoft.com/office/2006/metadata/properties"/>
    <ds:schemaRef ds:uri="http://purl.org/dc/dcmitype/"/>
    <ds:schemaRef ds:uri="http://schemas.microsoft.com/office/infopath/2007/PartnerControls"/>
    <ds:schemaRef ds:uri="http://purl.org/dc/terms/"/>
    <ds:schemaRef ds:uri="http://purl.org/dc/elements/1.1/"/>
    <ds:schemaRef ds:uri="http://schemas.openxmlformats.org/package/2006/metadata/core-properties"/>
    <ds:schemaRef ds:uri="http://www.w3.org/XML/1998/namespace"/>
    <ds:schemaRef ds:uri="http://schemas.microsoft.com/office/2006/documentManagement/types"/>
    <ds:schemaRef ds:uri="a6550eff-0fc9-443f-8e77-72cbcf778382"/>
    <ds:schemaRef ds:uri="92e1255f-bb7b-4dc9-b051-584cc104eb44"/>
  </ds:schemaRefs>
</ds:datastoreItem>
</file>

<file path=customXml/itemProps7.xml><?xml version="1.0" encoding="utf-8"?>
<ds:datastoreItem xmlns:ds="http://schemas.openxmlformats.org/officeDocument/2006/customXml" ds:itemID="{B9AEDDE3-EA02-4A8F-B8F8-0606A0AA45FC}">
  <ds:schemaRefs/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72516535-7702-46AF-9B1F-8623A67A82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2261</TotalTime>
  <Words>114</Words>
  <Application>Microsoft Office PowerPoint</Application>
  <PresentationFormat>Widescreen</PresentationFormat>
  <Paragraphs>31</Paragraphs>
  <Slides>4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11" baseType="lpstr">
      <vt:lpstr>Ericsson Hilda Light</vt:lpstr>
      <vt:lpstr>Ericsson Hilda ExtraLight</vt:lpstr>
      <vt:lpstr>Ericsson Hilda ExtraBold</vt:lpstr>
      <vt:lpstr>Ericsson Hilda</vt:lpstr>
      <vt:lpstr>Ericsson Technical Icons</vt:lpstr>
      <vt:lpstr>Arial</vt:lpstr>
      <vt:lpstr>PresentationTemplate2021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I for requirements</dc:title>
  <dc:creator>ERVWIME Wilhelm Meding</dc:creator>
  <cp:keywords/>
  <dc:description> 
Rev PA1</dc:description>
  <cp:lastModifiedBy>Wilhelm Meding</cp:lastModifiedBy>
  <cp:revision>153</cp:revision>
  <cp:lastPrinted>2024-04-29T08:59:41Z</cp:lastPrinted>
  <dcterms:created xsi:type="dcterms:W3CDTF">2019-04-23T15:12:54Z</dcterms:created>
  <dcterms:modified xsi:type="dcterms:W3CDTF">2024-04-30T07:58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4-01-18T12:10:12.1362348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433817507624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>ERVWIME Wilhelm Meding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4-04-26</vt:lpwstr>
  </property>
  <property fmtid="{D5CDD505-2E9C-101B-9397-08002B2CF9AE}" pid="21" name="Reference">
    <vt:lpwstr/>
  </property>
  <property fmtid="{D5CDD505-2E9C-101B-9397-08002B2CF9AE}" pid="22" name="Title">
    <vt:lpwstr>AI for requirements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>PA1</vt:lpwstr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DocNoVisible">
    <vt:lpwstr>true</vt:lpwstr>
  </property>
</Properties>
</file>